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530"/>
  <workbookPr filterPrivacy="1"/>
  <xr:revisionPtr revIDLastSave="0" documentId="13_ncr:11_{9224A7A0-4A38-4274-9C3C-0035D38AAD48}" xr6:coauthVersionLast="47" xr6:coauthVersionMax="47" xr10:uidLastSave="{00000000-0000-0000-0000-000000000000}"/>
  <bookViews>
    <workbookView xWindow="-120" yWindow="-120" windowWidth="38640" windowHeight="21120" xr2:uid="{00000000-000D-0000-FFFF-FFFF00000000}"/>
  </bookViews>
  <sheets>
    <sheet name="Naslovnica" sheetId="2" r:id="rId1"/>
    <sheet name="Premium krovni prozori" sheetId="1" r:id="rId2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74" uniqueCount="94">
  <si>
    <t>Redni broj</t>
  </si>
  <si>
    <t>Opis stavke</t>
  </si>
  <si>
    <t>Jedinica mjere</t>
  </si>
  <si>
    <t>GGL (Sigurnosno staklo --70)</t>
  </si>
  <si>
    <r>
      <t xml:space="preserve">Dobava i ugradnja krovnog prozora dimenzija ---x--- cm, kao VELUX GG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ovjes, ručka za otvaranje s gornje strane, ventilacijski preklop, dvostruko brtvljenje, dvostruko sigurnosno staklo (6.8 mm laminirano + 16 mm argon + 4 mm vanjsko kaljeno), Upr=1.3 W/m2K (Ust=1.0 W/m2K), Rpr=35 dB, zaštita od zvuka udara kišnih kapi (49 dB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kom.</t>
  </si>
  <si>
    <t>Potrebne mjere provjeriti na licu mjesta. Ugradnju izvršiti prema uputstvima proizvođača.</t>
  </si>
  <si>
    <t>GGL (Protuprovalno staklo --70Q)</t>
  </si>
  <si>
    <r>
      <t xml:space="preserve">Dobava i ugradnja krovnog prozora dimenzija ---x--- cm, kao VELUX GG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  <family val="2"/>
      </rPr>
      <t xml:space="preserve"> lakom, izvana pokrovni profili od antracit-sivo bojanog aluminija (kao RAL Classic 7043), središnji ovjes, ručka za otvaranje s gornje strane, ventilacijski preklop, dvostruko brtvljenje, dvostruko protuprovalno staklo (7.5 mm laminirano + 16 mm argon + 4 mm vanjsko kaljeno), Upr=1.3 W/m2K (Ust=1.0 W/m2K), Rpr=35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 xml:space="preserve">ravni/profilirani </t>
    </r>
    <r>
      <rPr>
        <sz val="10"/>
        <color theme="1"/>
        <rFont val="VELUX Transform Office"/>
        <family val="2"/>
      </rPr>
      <t xml:space="preserve">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  <family val="2"/>
      </rPr>
      <t xml:space="preserve"> (dodati opis sjenila).</t>
    </r>
  </si>
  <si>
    <t>GGL (Energetsko staklo --68)</t>
  </si>
  <si>
    <r>
      <t xml:space="preserve">Dobava i ugradnja krovnog prozora dimenzija ---x--- cm, kao VELUX GG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  <family val="2"/>
      </rPr>
      <t xml:space="preserve"> lakom, izvana pokrovni profili od antracit-sivo bojanog aluminija (kao RAL Classic 7043), središnji ovjes, ručka za otvaranje s gornje strane, ventilacijski preklop, dvostruko brtvljenje, trostruko energetsko sigurnosno staklo (6.8 mm laminirano + 13 mm argon + 3 mm float staklo + 13 mm argon + 4 mm vanjsko kaljeno), Upr=1.1 W/m2K (Ust=0.7 W/m2K), Rpr=35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  <family val="2"/>
      </rPr>
      <t xml:space="preserve"> (dodati opis sjenila).</t>
    </r>
  </si>
  <si>
    <t>GGL (Energetsko staklo --67)</t>
  </si>
  <si>
    <r>
      <t xml:space="preserve">Dobava i ugradnja krovnog prozora dimenzija ---x--- cm, kao VELUX GG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  <family val="2"/>
      </rPr>
      <t xml:space="preserve"> lakom, izvana pokrovni profili od antracit-sivo bojanog aluminija (kao RAL Classic 7043), središnji ovjes, ručka za otvaranje s gornje strane, ventilacijski preklop, dvostruko brtvljenje, trostruko energetsko staklo (6.8 mm laminirano + 12 mm kripton + 3 mm staklo + 12 mm kripton + 4 mm vanjsko kaljeno), Upr=0.86 W/m2K (Ust=0.4 W/m2K), Rpr=38 dB, zaštita od zvuka udara kišnih kapi (49 dB), premaz za jednostavno čišćenje, premaz protiv rošenja 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 xml:space="preserve">ravni/profilirani </t>
    </r>
    <r>
      <rPr>
        <sz val="10"/>
        <color theme="1"/>
        <rFont val="VELUX Transform Office"/>
        <family val="2"/>
      </rPr>
      <t xml:space="preserve">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  <family val="2"/>
      </rPr>
      <t xml:space="preserve"> (dodati opis sjenila).</t>
    </r>
  </si>
  <si>
    <t xml:space="preserve"> GGL (Energetsko staklo --66)</t>
  </si>
  <si>
    <r>
      <t xml:space="preserve">Dobava i ugradnja krovnog prozora dimenzija ---x--- cm, kao VELUX GG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  <family val="2"/>
      </rPr>
      <t xml:space="preserve"> lakom, izvana pokrovni profili od antracit-sivo bojanog aluminija (kao RAL Classic 7043), središnji ovjes, ručka za otvaranje s gornje strane, ventilacijski preklop, dvostruko brtvljenje, trostruko energetsko staklo (6.8 mm laminirano + 13 mm argon + 3 mm staklo + 13 mm argon + 4 mm vanjsko kaljeno), Upr=1.0 W/m2K (Ust=0.6 W/m2K), Rpr=37 dB, zaštita od zvuka udara kišnih kapi (49 dB), premaz za jednostavno čišćenje, premaz protiv rošenja, ugraditi termo i hidroizolacijski set (kao VELUX BDX); potreban originalni opšav za</t>
    </r>
    <r>
      <rPr>
        <sz val="10"/>
        <color rgb="FFFF0000"/>
        <rFont val="VELUX Transform Office"/>
      </rPr>
      <t xml:space="preserve"> pojedinačnu/grupnu </t>
    </r>
    <r>
      <rPr>
        <sz val="10"/>
        <color theme="1"/>
        <rFont val="VELUX Transform Office"/>
        <family val="2"/>
      </rPr>
      <t>ugradnju na</t>
    </r>
    <r>
      <rPr>
        <sz val="10"/>
        <color rgb="FFFF0000"/>
        <rFont val="VELUX Transform Office"/>
      </rPr>
      <t xml:space="preserve"> 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  <family val="2"/>
      </rPr>
      <t xml:space="preserve"> (dodati opis sjenila).</t>
    </r>
  </si>
  <si>
    <t>GGL (Energetsko zvučno izolacijsko staklo --62)</t>
  </si>
  <si>
    <r>
      <t xml:space="preserve">Dobava i ugradnja krovnog prozora dimenzija ---x--- cm, kao VELUX GG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  <family val="2"/>
      </rPr>
      <t xml:space="preserve"> lakom, izvana pokrovni profili od antracit-sivo bojanog aluminija (kao RAL Classic 7043), središnji ovjes, ručka za otvaranje s gornje strane, ventilacijski preklop, dvostruko brtvljenje, trostruko energetsko zvučno izolacijsko staklo (6.8 mm laminirano + 11 mm kripton + 3 mm staklo + 11 mm kripton + 8 mm vanjsko kaljeno), Upr=0.96 W/m2K (Ust=0.5 W/m2K), Rpr=42 dB, zaštita od zvuka udara kišnih kapi (49 dB), premaz protiv rošenja, ugraditi termo i hidroizolacijski set (kao VELUX BDX); potreban originalni opšav za </t>
    </r>
    <r>
      <rPr>
        <sz val="10"/>
        <color rgb="FFFF0000"/>
        <rFont val="VELUX Transform Office"/>
      </rPr>
      <t xml:space="preserve">pojedinačnu/grupnu </t>
    </r>
    <r>
      <rPr>
        <sz val="10"/>
        <color theme="1"/>
        <rFont val="VELUX Transform Office"/>
        <family val="2"/>
      </rPr>
      <t xml:space="preserve">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  <family val="2"/>
      </rPr>
      <t xml:space="preserve"> (dodati opis sjenila).</t>
    </r>
  </si>
  <si>
    <t>GGU (Sigurnosno staklo --70)</t>
  </si>
  <si>
    <r>
      <t xml:space="preserve">Dobava i ugradnja krovnog prozora dimenzija ---x--- cm, kao VELUX GGU, drvena jezgra obložena poliuretanskim slojem, završni sloj je poliuretanski bijeli lak, izvana pokrovni profili od antracit-sivo bojanog aluminija (kao RAL Classic 7043), središnji ovjes, ručka za otvaranje s gornje strane, ventilacijski preklop, dvostruko brtvljenje, dvostruko sigurnosno staklo (6.8 mm laminirano + 16 mm argon + 4 mm vanjsko kaljeno), Upr=1.3 W/m2K (Ust=1.0 W/m2K), Rpr=35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  <family val="2"/>
      </rPr>
      <t xml:space="preserve"> (dodati opis sjenila).</t>
    </r>
  </si>
  <si>
    <t>GGU (Protuprovalno staklo --70Q)</t>
  </si>
  <si>
    <r>
      <t xml:space="preserve">Dobava i ugradnja krovnog prozora dimenzija ---x--- cm, kao VELUX GGU, drvena jezgra obložena poliuretanskim slojem, završni sloj je poliuretanski bijeli lak, izvana pokrovni profili od antracit-sivo bojanog aluminija (kao RAL Classic 7043), središnji ovjes, ručka za otvaranje s gornje strane, ventilacijski preklop, dvostruko brtvljenje, dvostruko protuprovalno staklo (7.5 mm laminirano + 16 mm argon + 4 mm vanjsko kaljeno), Upr=1.3 W/m2K (Ust=1.0 W/m2K), Rpr=35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GU (Energetsko staklo --68)</t>
  </si>
  <si>
    <r>
      <t xml:space="preserve">Dobava i ugradnja krovnog prozora dimenzija ---x--- cm, kao VELUX GGU, drvena jezgra obložena poliuretanskim slojem, završni sloj je poliuretanski bijeli lak, izvana pokrovni profili od antracit-sivo bojanog aluminija (kao RAL Classic 7043), središnji ovjes, ručka za otvaranje s gornje strane, ventilacijski preklop, dvostruko brtvljenje, trostruko energetsko sigurnosno staklo (6.8 mm laminirano + 13 mm argon + 3 mm float staklo + 13 mm argon + 4 mm vanjsko kaljeno), Upr=1.1 W/m2K (Ust=0.7 W/m2K), Rpr=35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 xml:space="preserve"> GGU (Energetsko staklo --67)</t>
  </si>
  <si>
    <r>
      <t xml:space="preserve">Dobava i ugradnja krovnog prozora dimenzija ---x--- cm, kao VELUX GGU, drvena jezgra obložena poliuretanskim slojem, završni sloj je poliuretanski bijeli lak, izvana pokrovni profili od antracit-sivo bojanog aluminija (kao RAL Classic 7043), središnji ovjes, ručka za otvaranje s gornje strane, ventilacijski preklop, dvostruko brtvljenje, trostruko energetsko staklo (6.8 mm laminirano + 12 mm kripton + 3 mm staklo + 12 mm kripton + 4 mm vanjsko kaljeno), Upr=0.88 W/m2K (Ust=0.4 W/m2K), Rpr=38 dB, zaštita od zvuka udara kišnih kapi (49 dB), premaz za jednostavno čišćenje, premaz protiv rošenja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</t>
    </r>
    <r>
      <rPr>
        <sz val="10"/>
        <color rgb="FFFF0000"/>
        <rFont val="VELUX Transform Office"/>
      </rPr>
      <t xml:space="preserve"> 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GU (Energetsko staklo --66)</t>
  </si>
  <si>
    <r>
      <t xml:space="preserve">Dobava i ugradnja krovnog prozora dimenzija ---x--- cm, kao VELUX GGU, drvena jezgra obložena poliuretanskim slojem, završni sloj je poliuretanski bijeli lak, izvana pokrovni profili od antracit-sivo bojanog aluminija (kao RAL Classic 7043), središnji ovjes, ručka za otvaranje s gornje strane, ventilacijski preklop, trostruko energetsko zvučno izolacijsko staklo (6.8 mm laminirano + 13 mm argon + 3 mm staklo + 13 mm argon + 4 mm vanjsko kaljeno), Upr=1.0 W/m2K (Ust=0.6 W/m2K), Rpr=37 dB, zaštita od zvuka udara kišnih kapi (49 dB), premaz za jednostavno čišćenje, premaz protiv rošenja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GU (Energetsko zvučno izolacijsko staklo --62)</t>
  </si>
  <si>
    <r>
      <t xml:space="preserve">Dobava i ugradnja krovnog prozora dimenzija ---x--- cm, kao VELUX GGU, drvena jezgra obložena poliuretanskim slojem, završni sloj je poliuretanski bijeli lak, izvana pokrovni profili od antracit-sivo bojanog aluminija (kao RAL Classic 7043), središnji ovjes, ručka za otvaranje s gornje strane, ventilacijski preklop, dvostruko brtvljenje, trostruko energetsko zvučno izolacijsko staklo (6.8 mm laminirano + 11 mm kripton + 3 mm staklo + 11 mm kripton + 8 mm vanjsko kaljeno), Upr=0.96 W/m2K (Ust=0.5 W/m2K), Rpr=42 dB, zaštita od zvuka udara kišnih kapi (49 dB), premaz protiv rošenja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 xml:space="preserve"> GPL (Sigurnosno staklo --70)</t>
  </si>
  <si>
    <r>
      <t xml:space="preserve">Dobava i ugradnja krovnog prozora dimenzija ---x--- cm, kao VELUX GP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i gornji ovjes, ručka za otvaranje s gornje i donje strane, ventilacijski preklop, dvostruko brtvljenje, dvostruko energetsko sigurnosno staklo (6mm laminirano + 15mm argon + 4mm vanjsko kaljeno), Upr=1.3W/m2K (Ust=1.0W/m2K), Rpr=35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</t>
    </r>
    <r>
      <rPr>
        <sz val="10"/>
        <color rgb="FFFF0000"/>
        <rFont val="VELUX Transform Office"/>
      </rPr>
      <t xml:space="preserve"> 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 xml:space="preserve">tenda/roleta </t>
    </r>
    <r>
      <rPr>
        <sz val="10"/>
        <color theme="1"/>
        <rFont val="VELUX Transform Office"/>
      </rPr>
      <t>(dodati opis sjenila).</t>
    </r>
  </si>
  <si>
    <t>GPL (Energetsko staklo --68)</t>
  </si>
  <si>
    <r>
      <t xml:space="preserve">Dobava i ugradnja krovnog prozora dimenzija ---x--- cm, kao VELUX GP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i gornji ovjes, ručka za otvaranje s gornje i donje strane, ventilacijski preklop, trostruko energetsko sigurnosno staklo (6mm laminirano + 12mm argon + 3mm float staklo + 12mm argon + 4mm vanjsko kaljeno), Upr=1.1W/m2K (Ust=0.7W/m2K), Rpr=35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PL (Energetsko staklo --67)</t>
  </si>
  <si>
    <r>
      <t xml:space="preserve">Dobava i ugradnja krovnog prozora dimenzija ---x--- cm, kao VELUX GP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i gornji ovjes, ručka za otvaranje s gornje i donje strane, ventilacijski preklop, trostruko energetsko staklo (6.8 mm laminirano + 12 mm kripton + 3 mm staklo + 12 mm kripton + 4 mm vanjsko kaljeno), Upr=0.88 W/m2K (Ust=0.4 W/m2K), Rpr=38 dB, zaštita od zvuka udara kišnih kapi (49 dB), premaz za jednostavno čišćenje, premaz protiv rošenja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PL (Energetsko staklo --66)</t>
  </si>
  <si>
    <r>
      <t xml:space="preserve">Dobava i ugradnja krovnog prozora dimenzija ---x--- cm, kao VELUX GPL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i gornji ovjes, ručka za otvaranje s gornje i donje strane, ventilacijski preklop, trostruko energetsko zvučno izolacijsko staklo (6mm laminirano + 12mm kripton + 3mm staklo + 12mm kripton + 4mm vanjsko kaljeno), Upr=1.0W/m2K (Ust=0.5W/m2K), Rpr=37 dB, zaštita od zvuka udara kišnih kapi (49 dB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 xml:space="preserve"> GPU (Sigurnosno staklo --70)</t>
  </si>
  <si>
    <r>
      <t xml:space="preserve">Dobava i ugradnja krovnog prozora dimenzija ---x--- cm, kao VELUX GPU, drvena jezgra obložena poliuretanskim slojem, završni sloj je poliuretanski bijeli lak, izvana pokrovni profili od antracit-sivo bojanog aluminija (kao RAL Classic 7043), središnji i gornji ovjes, ručka za otvaranje s gornje i donje strane, ventilacijski preklop, dvostruko brtvljenje, dvostruko sigurnosno staklo (6.8 mm laminirano + 16 mm argon + 4 mm vanjsko kaljeno) Upr=1.3 W/m2K (Ust=1.0 W/m2K), Rpr=35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PU (Energetsko staklo --68)</t>
  </si>
  <si>
    <r>
      <t xml:space="preserve">Dobava i ugradnja krovnog prozora dimenzija ---x--- cm, kao VELUX GPU, drvena jezgra obložena poliuretanskim slojem, završni sloj je poliuretanski bijeli lak, izvana pokrovni profili od antracit-sivo bojanog aluminija (kao RAL Classic 7043), središnji i gornji ovjes, ručka za otvaranje s gornje i donje strane, ventilacijski preklop, dvostruko brtvljenje, trostruko energetsko sigurnosno staklo (6.8 mm laminirano + 13 mm argon + 3 mm float staklo + 13 mm argon + 4 mm vanjsko kaljeno), Upr=1.1 W/m2K (Ust=0.7 W/m2K), Rpr=35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PU (Energetsko staklo --67)</t>
  </si>
  <si>
    <r>
      <t xml:space="preserve">Dobava i ugradnja krovnog prozora dimenzija ---x--- cm, kao VELUX GPU, drvena jezgra obložena poliuretanskim slojem, završni sloj je poliuretanski bijeli lak, izvana pokrovni profili od antracit-sivo bojanog aluminija (kao RAL Classic 7043), središnji i gornji ovjes, ručka za otvaranje s gornje i donje strane, ventilacijski preklop, trostruko energetsko staklo (6.8 mm laminirano + 12 mm kripton + 3 mm staklo + 12 mm kripton + 4 mm vanjsko kaljeno), Upr=0.88 W/m2K (Ust=0.4 W/m2K), Rpr=38 dB, zaštita od zvuka udara kišnih kapi (49 dB), premaz za jednostavno čišćenje, premaz protiv rošenja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PU (Energetsko staklo --66)</t>
  </si>
  <si>
    <r>
      <t xml:space="preserve">Dobava i ugradnja krovnog prozora dimenzija ---x--- cm, kao VELUX GPU, drvena jezgra obložena poliuretanskim slojem, završni sloj je poliuretanski bijeli lak, izvana pokrovni profili od antracit-sivo bojanog aluminija (kao RAL Classic 7043), središnji i gornji ovjes, ručka za otvaranje s gornje i donje strane, ventilacijski preklop, trostruko energetsko sigurnosno staklo (6.8 mm laminirano + 13 mm argon + 3 mm staklo + 13 mm argon + 4 mm vanjsko kaljeno), Upr=1.0 W/m2K (Ust=0.6 W/m2K), Rpr=37 dB, zaštita od zvuka udara kišnih kapi (49 dB), premaz za jednostavno čišćenje, premaz protiv rošenja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PU (Energetsko zvučno izolacijsko staklo --62)</t>
  </si>
  <si>
    <r>
      <t xml:space="preserve">Dobava i ugradnja krovnog prozora dimenzija ---x--- cm, kao VELUX GPU, drvena jezgra obložena poliuretanskim slojem, završni sloj je poliuretanski bijeli lak, izvana pokrovni profili od antracit-sivo bojanog aluminija (kao RAL Classic 7043), središnji i gornji ovjes, ručka za otvaranje s gornje i donje strane, ventilacijski preklop, trostruko energetsko zvučno izolacijsko staklo (6.8 mm laminirano + 12 mm kripton + 3 mm staklo + 12 mm kripton + 4 mm vanjsko kaljeno), Upr=0.96 W/m2K (Ust=0.5 W/m2K), Rpr=42 dB, zaštita od zvuka udara kišnih kapi (49 dB), premaz za jednostavno čišćenje, premaz protiv rošenja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(dodati opis sjenila).</t>
    </r>
  </si>
  <si>
    <t>GGL 21 (Sigurnosno staklo --70)</t>
  </si>
  <si>
    <r>
      <t>Dobava i ugradnja krovnog prozora dimenzija ---x--- cm, kao VELUX GGL 21, laminirano drvo zaštićeno</t>
    </r>
    <r>
      <rPr>
        <sz val="10"/>
        <color rgb="FFFF0000"/>
        <rFont val="VELUX Transform Office"/>
      </rPr>
      <t xml:space="preserve"> 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ovjes, ručka za otvaranje s gornje strane, ventilacijski preklop, dvostruko brtvljenje, dvostruko energetsko sigurnosno staklo (6mm laminirano + 15mm argon + 4mm vanjsko kaljeno), Upr=1.3W/m2K (Ust=1.0W/m2K), Rpr=35 dB, unaprijed ugrađena električna oprema (elektro-motor, kontrolna jedinica za 3 motora, senzor za kišu, bežič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 s unaprijed ugrađenim elektromotorom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s unaprijed ugrađenim elektromotorom (dodati opis sjenila).</t>
    </r>
  </si>
  <si>
    <t>GGL 21 (Energetsko staklo --68)</t>
  </si>
  <si>
    <r>
      <t xml:space="preserve">Dobava i ugradnja krovnog prozora dimenzija ---x--- cm, kao VELUX GGL 21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ovjes, ručka za otvaranje s gornje strane, ventilacijski preklop, dvostruko brtvljenje, trostruko energetsko sigurnosno staklo (6mm laminirano + 12mm argon + 3mm float staklo + 12mm argon + 4mm vanjsko kaljeno), Upr=1.1W/m2K (Ust=0.7W/m2K), Rpr=35 dB, unaprijed ugrađena električna oprema (elektro-motor, kontrolna jedinica za 3 motora, senzor za kišu, bežič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 s unaprijed ugrađenim elektromotorom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s unaprijed ugrađenim elektromotorom (dodati opis sjenila).</t>
    </r>
  </si>
  <si>
    <t>GGL 21 (Energetsko staklo --67)</t>
  </si>
  <si>
    <r>
      <t xml:space="preserve">Dobava i ugradnja krovnog prozora dimenzija ---x--- cm, kao VELUX GGL 21, laminirano drvo zaštićeno </t>
    </r>
    <r>
      <rPr>
        <sz val="10"/>
        <color rgb="FFFF0000"/>
        <rFont val="VELUX Transform Office"/>
      </rPr>
      <t xml:space="preserve">bezbojnim/bijelim </t>
    </r>
    <r>
      <rPr>
        <sz val="10"/>
        <color theme="1"/>
        <rFont val="VELUX Transform Office"/>
      </rPr>
      <t xml:space="preserve">lakom, izvana pokrovni profili od antracit-sivo bojanog aluminija (kao RAL Classic 7043), središnji ovjes, ručka za otvaranje s gornje strane, ventilacijski preklop, dvostruko brtvljenje, trostruko energetsko staklo (6.8 mm laminirano + 12 mm kripton + 3 mm staklo + 12 mm kripton + 4 mm vanjsko kaljeno), Upr=0.88 W/m2K (Ust=0.4 W/m2K), Rpr=38 dB, zaštita od zvuka udara kišnih kapi (49 dB), premaz za jednostavno čišćenje, premaz protiv rošenja, unaprijed ugrađena električna oprema (elektro-motor, kontrolna jedinica za 3 motora, senzor za kišu, bežič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 s unaprijed ugrađenim elektromotorom; vanjska</t>
    </r>
    <r>
      <rPr>
        <sz val="10"/>
        <color rgb="FFFF0000"/>
        <rFont val="VELUX Transform Office"/>
      </rPr>
      <t xml:space="preserve"> tenda/roleta</t>
    </r>
    <r>
      <rPr>
        <sz val="10"/>
        <color theme="1"/>
        <rFont val="VELUX Transform Office"/>
      </rPr>
      <t xml:space="preserve"> s unaprijed ugrađenim elektromotorom (dodati opis sjenila).</t>
    </r>
  </si>
  <si>
    <t>GGL 21 (Energetsko staklo --66)</t>
  </si>
  <si>
    <r>
      <t xml:space="preserve">Dobava i ugradnja krovnog prozora dimenzija ---x--- cm, kao VELUX GGL 21, laminirano drvo zaštićeno </t>
    </r>
    <r>
      <rPr>
        <sz val="10"/>
        <color rgb="FFFF0000"/>
        <rFont val="VELUX Transform Office"/>
      </rPr>
      <t xml:space="preserve">bezbojnim/bijelim </t>
    </r>
    <r>
      <rPr>
        <sz val="10"/>
        <color theme="1"/>
        <rFont val="VELUX Transform Office"/>
      </rPr>
      <t xml:space="preserve">lakom, izvana pokrovni profili od antracit-sivo bojanog aluminija (kao RAL Classic 7043), središnji ovjes, ručka za otvaranje s gornje strane, ventilacijski preklop, dvostruko brtvljenje, trostruko energetsko sigurnosno staklo (6.8 mm laminirano + 13 mm argon + 3 mm staklo + 13 mm argon + 4 mm vanjsko kaljeno), Upr=1.0 W/m2K (Ust=0.6 W/m2K), Rpr=37 dB, zaštita od zvuka udara kišnih kapi (49 dB), unaprijed ugrađena električna oprema (elektro-motor, kontrolna jedinica za 3 motora, senzor za kišu, bežič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 s unaprijed ugrađenim elektromotorom; vanjska</t>
    </r>
    <r>
      <rPr>
        <sz val="10"/>
        <color rgb="FFFF0000"/>
        <rFont val="VELUX Transform Office"/>
      </rPr>
      <t xml:space="preserve"> tenda/roleta</t>
    </r>
    <r>
      <rPr>
        <sz val="10"/>
        <color theme="1"/>
        <rFont val="VELUX Transform Office"/>
      </rPr>
      <t xml:space="preserve"> s unaprijed ugrađenim elektromotorom (dodati opis sjenila).</t>
    </r>
  </si>
  <si>
    <t>GGL 21 (Energetsko zvučno izolacijsko staklo --62)</t>
  </si>
  <si>
    <r>
      <t xml:space="preserve">Dobava i ugradnja krovnog prozora dimenzija ---x--- cm, kao VELUX GGL 21, laminirano drvo zaštićeno </t>
    </r>
    <r>
      <rPr>
        <sz val="10"/>
        <color rgb="FFFF0000"/>
        <rFont val="VELUX Transform Office"/>
      </rPr>
      <t xml:space="preserve">bezbojnim/bijelim </t>
    </r>
    <r>
      <rPr>
        <sz val="10"/>
        <color theme="1"/>
        <rFont val="VELUX Transform Office"/>
      </rPr>
      <t xml:space="preserve">lakom, izvana pokrovni profili od antracit-sivo bojanog aluminija (kao RAL Classic 7043), središnji ovjes, ručka za otvaranje s gornje strane, ventilacijski preklop, dvostruko brtvljenje, trostruko energetsko zvučno izolacijsko staklo (6.8 mm laminirano + 12 mm kripton + 3 mm staklo + 12 mm kripton + 4 mm vanjsko kaljeno), Upr=0.96 W/m2K (Ust=0.5 W/m2K), Rpr=42 dB, zaštita od zvuka udara kišnih kapi (49 dB), premaz za jednostavno čišćenje, premaz protiv rošenja, unaprijed ugrađena električna oprema (elektro-motor, kontrolna jedinica za 3 motora, senzor za kišu, bežič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 s unaprijed ugrađenim elektromotorom; vanjska</t>
    </r>
    <r>
      <rPr>
        <sz val="10"/>
        <color rgb="FFFF0000"/>
        <rFont val="VELUX Transform Office"/>
      </rPr>
      <t xml:space="preserve"> tenda/roleta</t>
    </r>
    <r>
      <rPr>
        <sz val="10"/>
        <color theme="1"/>
        <rFont val="VELUX Transform Office"/>
      </rPr>
      <t xml:space="preserve"> s unaprijed ugrađenim elektromotorom (dodati opis sjenila).</t>
    </r>
  </si>
  <si>
    <t xml:space="preserve"> GGL 30 (Sigurnosno staklo --70)</t>
  </si>
  <si>
    <r>
      <t xml:space="preserve">Dobava i ugradnja krovnog prozora dimenzija ---x--- cm, kao VELUX GGU 30, laminirano drvo zaštićeno </t>
    </r>
    <r>
      <rPr>
        <sz val="10"/>
        <color rgb="FFFF0000"/>
        <rFont val="VELUX Transform Office"/>
      </rPr>
      <t xml:space="preserve">bezbojnim/bijelim </t>
    </r>
    <r>
      <rPr>
        <sz val="10"/>
        <color theme="1"/>
        <rFont val="VELUX Transform Office"/>
      </rPr>
      <t xml:space="preserve">lakom, izvana pokrovni profili od antracit-sivo bojanog aluminija (kao RAL Classic 7043), središnji ovjes, ručka za otvaranje s gornje strane, ventilacijski preklop, dvostruko brtvljenje, dvostruko energetsko sigurnosno staklo (6mm laminirano + 15mm argon + 4mm vanjsko kaljeno), Upr=1.3W/m2K (Ust=1.0W/m2K), Rpr=35 dB, unaprijed ugrađena solarna oprema (elektro-motor, solarni panel, senzor za kišu, unaprijed konfigurirani zidni prekidač za daljinsko upravljanje, integrirana baterija visokih performansi), ugraditi termo i hidroizolacijski set (kao VELUX BDX); potreban originalni opšav za pojedinačnu/grupnu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 xml:space="preserve">rolo/žaluzina/plisirano </t>
    </r>
    <r>
      <rPr>
        <sz val="10"/>
        <color theme="1"/>
        <rFont val="VELUX Transform Office"/>
      </rPr>
      <t xml:space="preserve">sjenilo s unaprijed ugrađenim elektromotorom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s unaprijed ugrađenim elektromotorom (dodati opis sjenila).</t>
    </r>
  </si>
  <si>
    <t>GGL 30 (Energetsko staklo --68)</t>
  </si>
  <si>
    <r>
      <t xml:space="preserve">Dobava i ugradnja krovnog prozora dimenzija ---x--- cm, kao VELUX GGU 30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ovjes, ručka za otvaranje s gornje strane, ventilacijski preklop, dvostruko brtvljenje, trostruko energetsko sigurnosno staklo (6mm laminirano + 12mm argon + 3mm float staklo + 12mm argon + 4mm vanjsko kaljeno), Upr=1.1W/m2K (Ust=0.7W/m2K), Rpr=35 dB, unaprijed ugrađena solarna oprema (elektro-motor, solarni panel, senzor za kišu, unaprijed konfigurirani zidni prekidač za daljinsko upravljanje, integrirana baterija visokih performansi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 s unaprijed ugrađenim elektromotorom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s unaprijed ugrađenim elektromotorom (dodati opis sjenila).</t>
    </r>
  </si>
  <si>
    <t>GGL 30 (Energetsko staklo --67)</t>
  </si>
  <si>
    <r>
      <t xml:space="preserve">Dobava i ugradnja krovnog prozora dimenzija ---x--- cm, kao VELUX GGU 30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ovjes, ručka za otvaranje s gornje strane, ventilacijski preklop, dvostruko brtvljenje,  trostruko energetsko staklo (6.8 mm laminirano + 12 mm kripton + 3 mm staklo + 12 mm kripton + 4 mm vanjsko kaljeno), Upr=0.88 W/m2K (Ust=0.4 W/m2K), Rpr=38 dB, zaštita od zvuka udara kišnih kapi (49 dB), premaz za jednostavno čišćenje, premaz protiv rošenja, unaprijed ugrađena solarna oprema (elektro-motor, solarni panel, senzor za kišu, unaprijed konfigurirani zidni prekidač za daljinsko upravljanje, integrirana baterija visokih performansi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 s unaprijed ugrađenim elektromotorom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s unaprijed ugrađenim elektromotorom (dodati opis sjenila).</t>
    </r>
  </si>
  <si>
    <t>GGL 30 (Energetsko staklo --66)</t>
  </si>
  <si>
    <r>
      <t xml:space="preserve">Dobava i ugradnja krovnog prozora dimenzija ---x--- cm, kao VELUX GGU 30, laminirano drvo zaštićeno </t>
    </r>
    <r>
      <rPr>
        <sz val="10"/>
        <color rgb="FFFF0000"/>
        <rFont val="VELUX Transform Office"/>
      </rPr>
      <t>bezbojnim/bijelim</t>
    </r>
    <r>
      <rPr>
        <sz val="10"/>
        <color theme="1"/>
        <rFont val="VELUX Transform Office"/>
      </rPr>
      <t xml:space="preserve"> lakom, izvana pokrovni profili od antracit-sivo bojanog aluminija (kao RAL Classic 7043), središnji ovjes, ručka za otvaranje s gornje strane, ventilacijski preklop, dvostruko brtvljenje, trostruko energetsko sigurnosno staklo (6.8 mm laminirano + 13 mm argon + 3 mm staklo + 13 mm argon + 4 mm vanjsko kaljeno), Upr=1.0 W/m2K (Ust=0.6 W/m2K), Rpr=37 dB, zaštita od zvuka udara kišnih kapi (49 dB), unaprijed ugrađena solarna oprema (elektro-motor, solarni panel, senzor za kišu, unaprijed konfigurirani zidni prekidač za daljinsko upravljanje, integrirana baterija visokih performansi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 s unaprijed ugrađenim elektromotorom; vanjska </t>
    </r>
    <r>
      <rPr>
        <sz val="10"/>
        <color rgb="FFFF0000"/>
        <rFont val="VELUX Transform Office"/>
      </rPr>
      <t xml:space="preserve">tenda/roleta </t>
    </r>
    <r>
      <rPr>
        <sz val="10"/>
        <color theme="1"/>
        <rFont val="VELUX Transform Office"/>
      </rPr>
      <t>s unaprijed ugrađenim elektromotorom (dodati opis sjenila).</t>
    </r>
  </si>
  <si>
    <t xml:space="preserve"> GGU 21 (Sigurnosno staklo --70)</t>
  </si>
  <si>
    <r>
      <t xml:space="preserve">Dobava i ugradnja krovnog prozora dimenzija ---x--- cm, kao VELUX GGU 21, drvena jezgra obložena poliuretanskim slojem, završni sloj je poliuretanski bijeli lak, izvana pokrovni profili od antracit-sivo bojanog aluminija (kao RAL Classic 7043), središnji ovjes, ručka za otvaranje s gornje strane, ventilacijski preklop, dvostruko brtvljenje, dvostruko energetsko sigurnosno staklo (6.8 mm laminirano + 16 mm argon + 4 mm vanjsko kaljeno), Upr=1.3 W/m2K (Ust=1.0 W/m2K), Rpr=35 dB, unaprijed ugrađena električna oprema (elektro-motor, kontrolna jedinica za 3 motora, senzor za kišu, bežič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</rPr>
      <t xml:space="preserve"> ugradnju na na</t>
    </r>
    <r>
      <rPr>
        <sz val="10"/>
        <color rgb="FFFF0000"/>
        <rFont val="VELUX Transform Office"/>
      </rPr>
      <t xml:space="preserve"> ravni/profilirani</t>
    </r>
    <r>
      <rPr>
        <sz val="10"/>
        <color theme="1"/>
        <rFont val="VELUX Transform Office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</rPr>
      <t xml:space="preserve"> sjenilo s unaprijed ugrađenim elektromotorom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</rPr>
      <t xml:space="preserve"> s unaprijed ugrađenim elektromotorom (dodati opis sjenila).</t>
    </r>
  </si>
  <si>
    <t>GGU 21 (Energetsko staklo --68)</t>
  </si>
  <si>
    <r>
      <t xml:space="preserve">Dobava i ugradnja krovnog prozora dimenzija ---x--- cm, kao VELUX GGU 21, drvena jezgra obložena poliuretanskim slojem, završni sloj je poliuretanski bijeli lak, izvana pokrovni profili od antracit-sivo bojanog aluminija (kao RAL Classic 7043), središnji ovjes, ručka za otvaranje s gornje strane, ventilacijski preklop, dvostruko brtvljenje, trostruko energetsko sigurnosno staklo (6.8 mm laminirano + 13 mm argon + 3 mm float staklo + 13 mm argon + 4 mm vanjsko kaljeno), Upr=1.1 W/m2K (Ust=0.7 W/m2K), Rpr=35 dB, unaprijed ugrađena električna oprema (elektro-motor, kontrolna jedinica za 3 motora, senzor za kišu, bežič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 s unaprijed ugrađenim elektromotorom; vanjska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  <family val="2"/>
      </rPr>
      <t xml:space="preserve"> s unaprijed ugrađenim elektromotorom (dodati opis sjenila).</t>
    </r>
  </si>
  <si>
    <t>GGU 21 (Energetsko staklo --67)</t>
  </si>
  <si>
    <r>
      <t xml:space="preserve">Dobava i ugradnja krovnog prozora dimenzija ---x--- cm, kao VELUX GGU 21, drvena jezgra obložena poliuretanskim slojem, završni sloj je poliuretanski bijeli lak, izvana pokrovni profili od antracit-sivo bojanog aluminija (kao RAL Classic 7043), središnji ovjes, ručka za otvaranje s gornje strane, ventilacijski preklop, dvostruko brtvljenje, trostruko energetsko staklo (6.8 mm laminirano + 12 mm kripton + 3 mm staklo + 12 mm kripton + 4 mm vanjsko kaljeno), Upr=0.88 W/m2K (Ust=0.4 W/m2K), Rpr=38 dB, ), zaštita od zvuka udara kišnih kapi (49 dB), premaz za jednostavno čišćenje, premaz protiv rošenja, unaprijed ugrađena električna oprema (elektro-motor, kontrolna jedinica za 3 motora, senzor za kišu, bežični zidni prekidač za daljinsko upravljanje), premaz za jednostavno čišćenje, premaz protiv rošenja 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(dodati opis sjenila).</t>
    </r>
  </si>
  <si>
    <t>GGU 21 (Energetsko staklo --66)</t>
  </si>
  <si>
    <r>
      <t>Dobava i ugradnja krovnog prozora dimenzija ---x--- cm, kao VELUX GGU</t>
    </r>
    <r>
      <rPr>
        <b/>
        <sz val="10"/>
        <color rgb="FFFF0000"/>
        <rFont val="VELUX Transform Office"/>
      </rPr>
      <t xml:space="preserve"> </t>
    </r>
    <r>
      <rPr>
        <sz val="10"/>
        <color theme="1"/>
        <rFont val="VELUX Transform Office"/>
      </rPr>
      <t>21,</t>
    </r>
    <r>
      <rPr>
        <sz val="10"/>
        <color rgb="FF000000"/>
        <rFont val="VELUX Transform Office"/>
      </rPr>
      <t xml:space="preserve"> </t>
    </r>
    <r>
      <rPr>
        <sz val="10"/>
        <color theme="1"/>
        <rFont val="VELUX Transform Office"/>
      </rPr>
      <t xml:space="preserve">drvena jezgra obložena poliuretanskim slojem, završni sloj je poliuretanski bijeli lak, </t>
    </r>
    <r>
      <rPr>
        <sz val="10"/>
        <color rgb="FF000000"/>
        <rFont val="VELUX Transform Office"/>
      </rPr>
      <t xml:space="preserve">izvana pokrovni profili od antracit-sivo bojanog aluminija (kao RAL Classic 7043), središnji ovjes, ručka za otvaranje s gornje strane, ventilacijski preklop, dvostruko brtvljenje, trostruko energetsko sigurnosno staklo (6.8 mm laminirano + 13 mm argon + 3 mm staklo + 13 mm argon + 4 mm vanjsko kaljeno), Upr=1.0 W/m2K (Ust=0.6 W/m2K), Rpr=37 dB, zaštita od zvuka udara kišnih kapi (49 dB), </t>
    </r>
    <r>
      <rPr>
        <sz val="10"/>
        <color theme="1"/>
        <rFont val="VELUX Transform Office"/>
      </rPr>
      <t xml:space="preserve">unaprijed ugrađena električna oprema (elektro-motor, kontrolna jedinica za 3 motora, senzor za kišu, bežični zidni prekidač za daljinsko upravljanje), </t>
    </r>
    <r>
      <rPr>
        <sz val="10"/>
        <color rgb="FF000000"/>
        <rFont val="VELUX Transform Office"/>
      </rPr>
      <t>premaz za jednostavno čišćenje, premaz protiv rošenja</t>
    </r>
    <r>
      <rPr>
        <sz val="10"/>
        <color theme="1"/>
        <rFont val="VELUX Transform Office"/>
      </rPr>
      <t xml:space="preserve">, </t>
    </r>
    <r>
      <rPr>
        <sz val="10"/>
        <color rgb="FF000000"/>
        <rFont val="VELUX Transform Office"/>
      </rPr>
      <t xml:space="preserve">ugraditi termo i hidroizolacijski set (kao VELUX BDX); potreban originalni opšav za </t>
    </r>
    <r>
      <rPr>
        <i/>
        <sz val="10"/>
        <color rgb="FFFF0000"/>
        <rFont val="VELUX Transform Office"/>
      </rPr>
      <t>pojedinačnu/grupnu</t>
    </r>
    <r>
      <rPr>
        <sz val="10"/>
        <color rgb="FFFF0000"/>
        <rFont val="VELUX Transform Office"/>
      </rPr>
      <t xml:space="preserve"> </t>
    </r>
    <r>
      <rPr>
        <sz val="10"/>
        <color rgb="FF000000"/>
        <rFont val="VELUX Transform Office"/>
      </rPr>
      <t xml:space="preserve">ugradnju na na </t>
    </r>
    <r>
      <rPr>
        <i/>
        <sz val="10"/>
        <color rgb="FFFF0000"/>
        <rFont val="VELUX Transform Office"/>
      </rPr>
      <t>ravni/profilirani</t>
    </r>
    <r>
      <rPr>
        <sz val="10"/>
        <color rgb="FF000000"/>
        <rFont val="VELUX Transform Office"/>
      </rPr>
      <t xml:space="preserve"> pokrov; unutarnje </t>
    </r>
    <r>
      <rPr>
        <i/>
        <sz val="10"/>
        <color rgb="FFFF0000"/>
        <rFont val="VELUX Transform Office"/>
      </rPr>
      <t>rolo/žaluzina/plisirano</t>
    </r>
    <r>
      <rPr>
        <sz val="10"/>
        <color rgb="FF000000"/>
        <rFont val="VELUX Transform Office"/>
      </rPr>
      <t xml:space="preserve"> sjenilo s unaprijed ugrađenim elektromotorom; </t>
    </r>
    <r>
      <rPr>
        <sz val="10"/>
        <color rgb="FFFF0000"/>
        <rFont val="VELUX Transform Office"/>
      </rPr>
      <t>vanjska</t>
    </r>
    <r>
      <rPr>
        <sz val="10"/>
        <color rgb="FF000000"/>
        <rFont val="VELUX Transform Office"/>
      </rPr>
      <t xml:space="preserve"> </t>
    </r>
    <r>
      <rPr>
        <i/>
        <sz val="10"/>
        <color rgb="FFFF0000"/>
        <rFont val="VELUX Transform Office"/>
      </rPr>
      <t>tenda/roleta</t>
    </r>
    <r>
      <rPr>
        <i/>
        <sz val="10"/>
        <color rgb="FF000000"/>
        <rFont val="VELUX Transform Office"/>
      </rPr>
      <t xml:space="preserve"> </t>
    </r>
    <r>
      <rPr>
        <sz val="10"/>
        <color rgb="FF000000"/>
        <rFont val="VELUX Transform Office"/>
      </rPr>
      <t>s unaprijed ugrađenim elektromotorom</t>
    </r>
    <r>
      <rPr>
        <i/>
        <sz val="10"/>
        <color rgb="FF000000"/>
        <rFont val="VELUX Transform Office"/>
      </rPr>
      <t xml:space="preserve"> (dodati opis sjenila).</t>
    </r>
  </si>
  <si>
    <t>GGU 21 (Energetsko zvučno izolacijsko staklo --62)</t>
  </si>
  <si>
    <r>
      <t xml:space="preserve">Dobava i ugradnja krovnog prozora dimenzija ---x--- cm, kao VELUX GGL, drvena jezgra obložena poliuretanskim slojem, završni sloj je poliuretanski bijeli lak, izvana pokrovni profili od antracit-sivo bojanog aluminija (kao RAL Classic 7043), središnji ovjes, ručka za otvaranje s gornje strane, ventilacijski preklop, dvostruko brtvljenje, trostruko energetsko zvučno izolacijsko staklo (6.8 mm laminirano + 11 mm kripton + 3 mm staklo + 11 mm kripton + 8 mm vanjsko kaljeno), Upr=0.96 W/m2K (Ust=0.5 W/m2K), Rpr=42 dB, zaštita od zvuka udara kišnih kapi (49 dB), unaprijed ugrađena električna oprema (elektro-motor, kontrolna jedinica za 3 motora, senzor za kišu, bežični zidni prekidač za daljinsko upravljanje), premaz protiv rošenja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>vanjska</t>
    </r>
    <r>
      <rPr>
        <sz val="10"/>
        <color theme="1"/>
        <rFont val="VELUX Transform Office"/>
        <family val="2"/>
      </rPr>
      <t xml:space="preserve">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  <family val="2"/>
      </rPr>
      <t xml:space="preserve"> (dodati opis sjenila).</t>
    </r>
  </si>
  <si>
    <t xml:space="preserve"> GGU 30 (Sigurnosno staklo --70)</t>
  </si>
  <si>
    <r>
      <t xml:space="preserve">Dobava i ugradnja krovnog prozora dimenzija ---x--- cm, kao VELUX GGU 30, drvena jezgra obložena poliuretanskim slojem, završni sloj je poliuretanski bijeli lak, izvana pokrovni profili od antracit-sivo bojanog aluminija (kao RAL Classic 7043), središnji ovjes, ručka za otvaranje s gornje strane, ventilacijski preklop, dvostruko brtvljenje, dvostruko energetsko sigurnosno staklo (6mm laminirano + 15mm argon + 4mm vanjsko kaljeno), Upr=1.3W/m2K (Ust=1.0W/m2K), Rpr=35 dB, unaprijed ugrađena solarna oprema (elektro-motor, solarni panel, senzor za kišu, unaprijed konfigurirani zidni prekidač za daljinsko upravljanje, integrirana baterija visokih performansi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 s unaprijed ugrađenim elektromotorom; </t>
    </r>
    <r>
      <rPr>
        <sz val="10"/>
        <color rgb="FFFF0000"/>
        <rFont val="VELUX Transform Office"/>
      </rPr>
      <t>vanjska</t>
    </r>
    <r>
      <rPr>
        <sz val="10"/>
        <color theme="1"/>
        <rFont val="VELUX Transform Office"/>
        <family val="2"/>
      </rPr>
      <t xml:space="preserve"> </t>
    </r>
    <r>
      <rPr>
        <sz val="10"/>
        <color rgb="FFFF0000"/>
        <rFont val="VELUX Transform Office"/>
      </rPr>
      <t>tenda/roleta</t>
    </r>
    <r>
      <rPr>
        <sz val="10"/>
        <color theme="1"/>
        <rFont val="VELUX Transform Office"/>
        <family val="2"/>
      </rPr>
      <t xml:space="preserve"> s unaprijed ugrađenim elektromotorom (dodati opis sjenila).</t>
    </r>
  </si>
  <si>
    <t>GGU 30 (Energetsko staklo --68)</t>
  </si>
  <si>
    <r>
      <t xml:space="preserve">Dobava i ugradnja krovnog prozora dimenzija ---x--- cm, kao VELUX GGU 30, drvena jezgra obložena poliuretanskim slojem, završni sloj je poliuretanski bijeli lak, izvana pokrovni profili od antracit-sivo bojanog aluminija (kao RAL Classic 7043), središnji ovjes, ručka za otvaranje s gornje strane, ventilacijski preklop, dvostruko brtvljenje, trostruko energetsko sigurnosno staklo (6mm laminirano + 12mm argon + 3mm float staklo + 12mm argon + 4mm vanjsko kaljeno), Upr=1.1W/m2K (Ust=0.7W/m2K), Rpr=35 dB, unaprijed ugrađena solarna oprema (elektro-motor, solarni panel, senzor za kišu, unaprijed konfigurirani zidni prekidač za daljinsko upravljanje, integrirana baterija visokih performansi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</t>
    </r>
    <r>
      <rPr>
        <sz val="10"/>
        <color theme="1"/>
        <rFont val="VELUX Transform Office"/>
        <family val="2"/>
      </rPr>
      <t xml:space="preserve">i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 s unaprijed ugrađenim elektromotorom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s unaprijed ugrađenim elektromotorom (dodati opis sjenila).</t>
    </r>
  </si>
  <si>
    <t>GGU 30 (Energetsko staklo --67)</t>
  </si>
  <si>
    <r>
      <t>Dobava i ugradnja krovnog prozora dimenzija ---x--- cm, kao VELUX GGU</t>
    </r>
    <r>
      <rPr>
        <b/>
        <sz val="10"/>
        <color rgb="FFFF0000"/>
        <rFont val="VELUX Transform Office"/>
      </rPr>
      <t xml:space="preserve"> </t>
    </r>
    <r>
      <rPr>
        <sz val="10"/>
        <color theme="1"/>
        <rFont val="VELUX Transform Office"/>
      </rPr>
      <t>30,</t>
    </r>
    <r>
      <rPr>
        <sz val="10"/>
        <color rgb="FF000000"/>
        <rFont val="VELUX Transform Office"/>
      </rPr>
      <t xml:space="preserve"> </t>
    </r>
    <r>
      <rPr>
        <sz val="10"/>
        <color theme="1"/>
        <rFont val="VELUX Transform Office"/>
      </rPr>
      <t xml:space="preserve">drvena jezgra obložena poliuretanskim slojem, završni sloj je poliuretanski bijeli lak, </t>
    </r>
    <r>
      <rPr>
        <sz val="10"/>
        <color rgb="FF000000"/>
        <rFont val="VELUX Transform Office"/>
      </rPr>
      <t xml:space="preserve">izvana pokrovni profili od antracit-sivo bojanog aluminija (kao RAL Classic 7043), središnji ovjes, ručka za otvaranje s gornje strane, ventilacijski preklop, dvostruko brtvljenje, trostruko energetsko staklo (6.8 mm laminirano + 12 mm kripton + 3 mm staklo + 12 mm kripton + 4 mm vanjsko kaljeno), Upr=0.88 W/m2K (Ust=0.4 W/m2K), Rpr=38 dB, ), zaštita od zvuka udara kišnih kapi (49 dB), premaz za jednostavno čišćenje, premaz protiv rošenja, </t>
    </r>
    <r>
      <rPr>
        <sz val="10"/>
        <color theme="1"/>
        <rFont val="VELUX Transform Office"/>
      </rPr>
      <t xml:space="preserve">unaprijed ugrađena solarna oprema (elektro-motor, solarni panel, senzor za kišu, unaprijed konfigurirani zidni prekidač za daljinsko upravljanje, integrirana baterija visokih performansi), </t>
    </r>
    <r>
      <rPr>
        <sz val="10"/>
        <color rgb="FF000000"/>
        <rFont val="VELUX Transform Office"/>
      </rPr>
      <t xml:space="preserve">ugraditi termo i hidroizolacijski set (kao VELUX BDX); potreban originalni opšav za </t>
    </r>
    <r>
      <rPr>
        <i/>
        <sz val="10"/>
        <color rgb="FFFF0000"/>
        <rFont val="VELUX Transform Office"/>
      </rPr>
      <t>pojedinačnu/grupnu</t>
    </r>
    <r>
      <rPr>
        <u/>
        <sz val="10"/>
        <color rgb="FF000000"/>
        <rFont val="VELUX Transform Office"/>
      </rPr>
      <t xml:space="preserve"> </t>
    </r>
    <r>
      <rPr>
        <sz val="10"/>
        <color rgb="FF000000"/>
        <rFont val="VELUX Transform Office"/>
      </rPr>
      <t xml:space="preserve">ugradnju na </t>
    </r>
    <r>
      <rPr>
        <i/>
        <sz val="10"/>
        <color rgb="FFFF0000"/>
        <rFont val="VELUX Transform Office"/>
      </rPr>
      <t>ravni/profilirani</t>
    </r>
    <r>
      <rPr>
        <sz val="10"/>
        <color rgb="FF000000"/>
        <rFont val="VELUX Transform Office"/>
      </rPr>
      <t xml:space="preserve"> pokrov; unutarnje </t>
    </r>
    <r>
      <rPr>
        <i/>
        <sz val="10"/>
        <color rgb="FFFF0000"/>
        <rFont val="VELUX Transform Office"/>
      </rPr>
      <t>rolo/žaluzina/plisirano</t>
    </r>
    <r>
      <rPr>
        <sz val="10"/>
        <color rgb="FF000000"/>
        <rFont val="VELUX Transform Office"/>
      </rPr>
      <t xml:space="preserve"> sjenilo s unaprijed ugrađenim elektromotorom; </t>
    </r>
    <r>
      <rPr>
        <sz val="10"/>
        <color rgb="FFFF0000"/>
        <rFont val="VELUX Transform Office"/>
      </rPr>
      <t xml:space="preserve">vanjska </t>
    </r>
    <r>
      <rPr>
        <i/>
        <sz val="10"/>
        <color rgb="FFFF0000"/>
        <rFont val="VELUX Transform Office"/>
      </rPr>
      <t>tenda/roleta</t>
    </r>
    <r>
      <rPr>
        <i/>
        <sz val="10"/>
        <color rgb="FF000000"/>
        <rFont val="VELUX Transform Office"/>
      </rPr>
      <t xml:space="preserve"> </t>
    </r>
    <r>
      <rPr>
        <sz val="10"/>
        <color rgb="FF000000"/>
        <rFont val="VELUX Transform Office"/>
      </rPr>
      <t>s unaprijed ugrađenim elektromotorom</t>
    </r>
    <r>
      <rPr>
        <i/>
        <sz val="10"/>
        <color rgb="FF000000"/>
        <rFont val="VELUX Transform Office"/>
      </rPr>
      <t xml:space="preserve"> (dodati opis sjenila).</t>
    </r>
  </si>
  <si>
    <t>GGU 30 (Energetsko zvučno izolacijsko staklo --66)</t>
  </si>
  <si>
    <r>
      <t>Dobava i ugradnja krovnog prozora dimenzija ---x--- cm, kao VELUX GGU</t>
    </r>
    <r>
      <rPr>
        <b/>
        <sz val="10"/>
        <color rgb="FFFF0000"/>
        <rFont val="VELUX Transform Office"/>
      </rPr>
      <t xml:space="preserve"> </t>
    </r>
    <r>
      <rPr>
        <sz val="10"/>
        <color theme="1"/>
        <rFont val="VELUX Transform Office"/>
      </rPr>
      <t>30,</t>
    </r>
    <r>
      <rPr>
        <sz val="10"/>
        <color rgb="FF000000"/>
        <rFont val="VELUX Transform Office"/>
      </rPr>
      <t xml:space="preserve"> </t>
    </r>
    <r>
      <rPr>
        <sz val="10"/>
        <color theme="1"/>
        <rFont val="VELUX Transform Office"/>
      </rPr>
      <t xml:space="preserve">drvena jezgra obložena poliuretanskim slojem, završni sloj je poliuretanski bijeli lak, </t>
    </r>
    <r>
      <rPr>
        <sz val="10"/>
        <color rgb="FF000000"/>
        <rFont val="VELUX Transform Office"/>
      </rPr>
      <t xml:space="preserve">izvana pokrovni profili od antracit-sivo bojanog aluminija (kao RAL Classic 7043), središnji ovjes, ručka za otvaranje s gornje strane, ventilacijski preklop, dvostruko brtvljenje, trostruko energetsko sigurnosno staklo (6.8 mm laminirano + 13 mm argon + 3 mm staklo + 13 mm argon + 4 mm vanjsko kaljeno), Upr=1.0 W/m2K (Ust=0.6 W/m2K), Rpr=37 dB, zaštita od zvuka udara kišnih kapi (49 dB), </t>
    </r>
    <r>
      <rPr>
        <sz val="10"/>
        <color theme="1"/>
        <rFont val="VELUX Transform Office"/>
      </rPr>
      <t xml:space="preserve">unaprijed ugrađena solarna oprema (elektro-motor, solarni panel, senzor za kišu, unaprijed konfigurirani zidni prekidač za daljinsko upravljanje, integrirana baterija visokih performansi), </t>
    </r>
    <r>
      <rPr>
        <sz val="10"/>
        <color rgb="FF000000"/>
        <rFont val="VELUX Transform Office"/>
      </rPr>
      <t xml:space="preserve">ugraditi termo i hidroizolacijski set (kao VELUX BDX); potreban originalni opšav za </t>
    </r>
    <r>
      <rPr>
        <i/>
        <sz val="10"/>
        <color rgb="FFFF0000"/>
        <rFont val="VELUX Transform Office"/>
      </rPr>
      <t>pojedinačnu/grupnu</t>
    </r>
    <r>
      <rPr>
        <u/>
        <sz val="10"/>
        <color rgb="FF000000"/>
        <rFont val="VELUX Transform Office"/>
      </rPr>
      <t xml:space="preserve"> </t>
    </r>
    <r>
      <rPr>
        <sz val="10"/>
        <color rgb="FF000000"/>
        <rFont val="VELUX Transform Office"/>
      </rPr>
      <t xml:space="preserve">ugradnju na </t>
    </r>
    <r>
      <rPr>
        <i/>
        <sz val="10"/>
        <color rgb="FFFF0000"/>
        <rFont val="VELUX Transform Office"/>
      </rPr>
      <t>ravni/profilirani</t>
    </r>
    <r>
      <rPr>
        <sz val="10"/>
        <color rgb="FF000000"/>
        <rFont val="VELUX Transform Office"/>
      </rPr>
      <t xml:space="preserve"> pokrov; unutarnje </t>
    </r>
    <r>
      <rPr>
        <i/>
        <sz val="10"/>
        <color rgb="FFFF0000"/>
        <rFont val="VELUX Transform Office"/>
      </rPr>
      <t>rolo/žaluzina/plisirano</t>
    </r>
    <r>
      <rPr>
        <sz val="10"/>
        <color rgb="FF000000"/>
        <rFont val="VELUX Transform Office"/>
      </rPr>
      <t xml:space="preserve"> sjenilo s unaprijed ugrađenim elektromotorom; </t>
    </r>
    <r>
      <rPr>
        <sz val="10"/>
        <color rgb="FFFF0000"/>
        <rFont val="VELUX Transform Office"/>
      </rPr>
      <t xml:space="preserve">vanjska </t>
    </r>
    <r>
      <rPr>
        <i/>
        <sz val="10"/>
        <color rgb="FFFF0000"/>
        <rFont val="VELUX Transform Office"/>
      </rPr>
      <t>tenda/roleta</t>
    </r>
    <r>
      <rPr>
        <i/>
        <sz val="10"/>
        <color rgb="FF000000"/>
        <rFont val="VELUX Transform Office"/>
      </rPr>
      <t xml:space="preserve"> </t>
    </r>
    <r>
      <rPr>
        <sz val="10"/>
        <color rgb="FF000000"/>
        <rFont val="VELUX Transform Office"/>
      </rPr>
      <t>s unaprijed ugrađenim elektromotorom</t>
    </r>
    <r>
      <rPr>
        <i/>
        <sz val="10"/>
        <color rgb="FF000000"/>
        <rFont val="VELUX Transform Office"/>
      </rPr>
      <t xml:space="preserve"> (dodati opis sjenila).</t>
    </r>
  </si>
  <si>
    <t>GPU 21 (Sigurnosno staklo --70)</t>
  </si>
  <si>
    <r>
      <t xml:space="preserve">Dobava i ugradnja krovnog prozora dimenzija ---x--- cm, kao VELUX GPU 21, drvena jezgra obložena poliuretanskim slojem, završni sloj je poliuretanski bijeli lak, izvana pokrovni profili od antracit-sivo bojanog aluminija (kao RAL Classic 7043), dvostruki ovjes - otvaranje putem elektromotora oko gornje osi, ručno otvaranje oko središnje osi, ventilacijski preklop, dvostruko brtvljenje, dvostruko sigurnosno staklo (6.8 mm laminirano + 16 mm argon + 4 mm vanjsko kaljeno) Upr=1.3 W/m2K (Ust=1.0 W/m2K), Rpr=35 dB, unaprijed ugrađena električna oprema (elektro-motori za otvaranje krila prozora za 45° oko gornjeg ovjesa, senzor za kišu, bežič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 </t>
    </r>
    <r>
      <rPr>
        <sz val="10"/>
        <color rgb="FFFF0000"/>
        <rFont val="VELUX Transform Office"/>
      </rPr>
      <t>ručno/solarno</t>
    </r>
    <r>
      <rPr>
        <sz val="10"/>
        <color theme="1"/>
        <rFont val="VELUX Transform Office"/>
        <family val="2"/>
      </rPr>
      <t>; vanjska roleta s unaprijed ugrađenim elektromotorom (kao VELUX SMH) (dodati opis sjenila).</t>
    </r>
  </si>
  <si>
    <t>GPU 21 (Energetsko staklo --66)</t>
  </si>
  <si>
    <r>
      <t xml:space="preserve">Dobava i ugradnja krovnog prozora dimenzija ---x--- cm, kao VELUX GPU 21, drvena jezgra obložena poliuretanskim slojem, završni sloj je poliuretanski bijeli lak, izvana pokrovni profili od antracit-sivo bojanog aluminija (kao RAL Classic 7043), dvostruki ovjes - otvaranje putem elektromotora oko gornje osi, ručno otvaranje oko središnje osi, ventilacijski preklop, dvostruko brtvljenje, trostruko energetsko zvučno izolacijsko staklo (6.8 mm laminirano + 13 mm kripton + 3 mm staklo + 13 mm kripton + 4 mm vanjsko kaljeno), Upr=1.0 W/m2K (Ust=0.6 W/m2K), Rpr=37 dB, zaštita od zvuka udara kišnih kapi (49 dB), premaz za jednostavno čišćenje, premaz protiv rošenja, unaprijed ugrađena električna oprema (elektro-motori za otvaranje krila prozora za 45° oko gornjeg ovjesa, senzor za kišu, bežični zidni prekidač za daljinsko upravljanje)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 </t>
    </r>
    <r>
      <rPr>
        <sz val="10"/>
        <color rgb="FFFF0000"/>
        <rFont val="VELUX Transform Office"/>
      </rPr>
      <t>ručno/solarno</t>
    </r>
    <r>
      <rPr>
        <sz val="10"/>
        <color theme="1"/>
        <rFont val="VELUX Transform Office"/>
        <family val="2"/>
      </rPr>
      <t>; vanjska roleta s unaprijed ugrađenim elektromotorom (kao VELUX SMH) (dodati opis sjenila).</t>
    </r>
  </si>
  <si>
    <t>VELUX rješenja</t>
  </si>
  <si>
    <r>
      <t xml:space="preserve">Obzirom da je krovne prozore moguće ugraditi pojedinačno ili grupno na različite vrste pokrova i s različitim modelima vanjskih i unutarnjih sjenila, </t>
    </r>
    <r>
      <rPr>
        <b/>
        <sz val="10"/>
        <color theme="1"/>
        <rFont val="VELUX Transform Office"/>
      </rPr>
      <t>u opisima su navedene gotovo sve mogućnosti, pa ono što vam nije potrebno - izbrišite.</t>
    </r>
    <r>
      <rPr>
        <sz val="10"/>
        <color theme="1"/>
        <rFont val="VELUX Transform Office"/>
      </rPr>
      <t xml:space="preserve"> </t>
    </r>
  </si>
  <si>
    <t>Opisi sjenila dodani su iza opisa prozora.</t>
  </si>
  <si>
    <t>Ukoliko zatrebate stavke troškovnika za specijalne proizvode, utoliko Vas molimo da nas kontaktirate.</t>
  </si>
  <si>
    <t xml:space="preserve">Molimo vas da izbrišete opcije označene crveno koje vam nisu potrebne! </t>
  </si>
  <si>
    <t xml:space="preserve">Prije izvođenja konstrukcije treba provjeriti upute za ugradnju proizvođača sustava za ravni krov s kupolom.	</t>
  </si>
  <si>
    <r>
      <t>U nastavku se nalaze opisi pojedinih VELUX rješenja (</t>
    </r>
    <r>
      <rPr>
        <b/>
        <sz val="10"/>
        <color theme="1"/>
        <rFont val="VELUX Transform Office"/>
      </rPr>
      <t>druga stranica u ovoj datoteci</t>
    </r>
    <r>
      <rPr>
        <sz val="10"/>
        <color theme="1"/>
        <rFont val="VELUX Transform Office"/>
      </rPr>
      <t>).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6" x14ac:knownFonts="1">
    <font>
      <sz val="11"/>
      <color theme="1"/>
      <name val="Aptos Narrow"/>
      <family val="2"/>
      <scheme val="minor"/>
    </font>
    <font>
      <b/>
      <sz val="11"/>
      <color theme="1"/>
      <name val="VELUX Transform Office"/>
    </font>
    <font>
      <sz val="10"/>
      <color theme="1"/>
      <name val="VELUX Transform Office"/>
    </font>
    <font>
      <sz val="10"/>
      <color rgb="FFFF0000"/>
      <name val="VELUX Transform Office"/>
    </font>
    <font>
      <sz val="10"/>
      <color theme="1"/>
      <name val="VELUX Transform Office"/>
      <family val="2"/>
    </font>
    <font>
      <sz val="10"/>
      <color rgb="FF000000"/>
      <name val="VELUX Transform Office"/>
    </font>
    <font>
      <b/>
      <sz val="10"/>
      <color rgb="FFFF0000"/>
      <name val="VELUX Transform Office"/>
    </font>
    <font>
      <i/>
      <sz val="10"/>
      <color rgb="FFFF0000"/>
      <name val="VELUX Transform Office"/>
    </font>
    <font>
      <i/>
      <sz val="10"/>
      <color rgb="FF000000"/>
      <name val="VELUX Transform Office"/>
    </font>
    <font>
      <u/>
      <sz val="10"/>
      <color rgb="FF000000"/>
      <name val="VELUX Transform Office"/>
    </font>
    <font>
      <b/>
      <sz val="12"/>
      <color theme="1"/>
      <name val="VELUX Transform Office"/>
    </font>
    <font>
      <sz val="10"/>
      <color theme="1"/>
      <name val="Verdana"/>
      <family val="2"/>
    </font>
    <font>
      <b/>
      <sz val="10"/>
      <color theme="1"/>
      <name val="VELUX Transform Office"/>
    </font>
    <font>
      <sz val="10"/>
      <color rgb="FF000000"/>
      <name val="Verdana"/>
      <family val="2"/>
    </font>
    <font>
      <sz val="11"/>
      <color rgb="FFFF0000"/>
      <name val="Verdana"/>
      <family val="2"/>
    </font>
    <font>
      <i/>
      <u/>
      <sz val="12"/>
      <color rgb="FFFF0000"/>
      <name val="VELUX Transform Office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21">
    <xf numFmtId="0" fontId="0" fillId="0" borderId="0" xfId="0"/>
    <xf numFmtId="0" fontId="1" fillId="0" borderId="0" xfId="0" applyFont="1" applyAlignment="1">
      <alignment horizontal="right" vertical="center"/>
    </xf>
    <xf numFmtId="0" fontId="1" fillId="0" borderId="0" xfId="0" applyFont="1" applyAlignment="1">
      <alignment vertical="center"/>
    </xf>
    <xf numFmtId="0" fontId="2" fillId="0" borderId="0" xfId="0" applyFont="1" applyAlignment="1">
      <alignment vertical="top" wrapText="1"/>
    </xf>
    <xf numFmtId="0" fontId="4" fillId="0" borderId="0" xfId="0" applyFont="1" applyAlignment="1">
      <alignment horizontal="right"/>
    </xf>
    <xf numFmtId="0" fontId="4" fillId="0" borderId="0" xfId="0" applyFont="1"/>
    <xf numFmtId="0" fontId="4" fillId="0" borderId="0" xfId="0" applyFont="1" applyAlignment="1">
      <alignment vertical="top" wrapText="1"/>
    </xf>
    <xf numFmtId="0" fontId="1" fillId="0" borderId="0" xfId="0" applyFont="1" applyAlignment="1">
      <alignment vertical="center" wrapText="1"/>
    </xf>
    <xf numFmtId="0" fontId="1" fillId="0" borderId="0" xfId="0" applyFont="1"/>
    <xf numFmtId="0" fontId="4" fillId="0" borderId="0" xfId="0" applyFont="1" applyAlignment="1">
      <alignment wrapText="1"/>
    </xf>
    <xf numFmtId="0" fontId="1" fillId="0" borderId="0" xfId="0" applyFont="1" applyAlignment="1">
      <alignment vertical="top"/>
    </xf>
    <xf numFmtId="0" fontId="1" fillId="0" borderId="0" xfId="0" applyFont="1" applyAlignment="1">
      <alignment vertical="top" wrapText="1"/>
    </xf>
    <xf numFmtId="0" fontId="5" fillId="0" borderId="0" xfId="0" applyFont="1" applyAlignment="1">
      <alignment vertical="top" wrapText="1"/>
    </xf>
    <xf numFmtId="0" fontId="5" fillId="0" borderId="0" xfId="0" applyFont="1" applyAlignment="1">
      <alignment vertical="center" wrapText="1"/>
    </xf>
    <xf numFmtId="0" fontId="10" fillId="0" borderId="0" xfId="0" applyFont="1"/>
    <xf numFmtId="0" fontId="2" fillId="0" borderId="0" xfId="0" applyFont="1" applyAlignment="1">
      <alignment vertical="center"/>
    </xf>
    <xf numFmtId="0" fontId="11" fillId="0" borderId="0" xfId="0" applyFont="1" applyAlignment="1">
      <alignment vertical="center"/>
    </xf>
    <xf numFmtId="0" fontId="2" fillId="0" borderId="0" xfId="0" applyFont="1" applyAlignment="1">
      <alignment vertical="center" wrapText="1"/>
    </xf>
    <xf numFmtId="0" fontId="13" fillId="0" borderId="0" xfId="0" applyFont="1" applyAlignment="1">
      <alignment vertical="center"/>
    </xf>
    <xf numFmtId="0" fontId="14" fillId="0" borderId="0" xfId="0" applyFont="1" applyAlignment="1">
      <alignment vertical="center"/>
    </xf>
    <xf numFmtId="0" fontId="15" fillId="0" borderId="0" xfId="0" applyFont="1" applyAlignment="1">
      <alignment vertical="center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5726FB9-F434-40F1-B960-A148F6D815BE}">
  <dimension ref="A1:A12"/>
  <sheetViews>
    <sheetView tabSelected="1" workbookViewId="0">
      <selection activeCell="B13" sqref="B13"/>
    </sheetView>
  </sheetViews>
  <sheetFormatPr defaultRowHeight="15" x14ac:dyDescent="0.25"/>
  <cols>
    <col min="1" max="1" width="78.140625" customWidth="1"/>
  </cols>
  <sheetData>
    <row r="1" spans="1:1" ht="18.75" x14ac:dyDescent="0.35">
      <c r="A1" s="14" t="s">
        <v>87</v>
      </c>
    </row>
    <row r="3" spans="1:1" x14ac:dyDescent="0.25">
      <c r="A3" s="15" t="s">
        <v>93</v>
      </c>
    </row>
    <row r="4" spans="1:1" x14ac:dyDescent="0.25">
      <c r="A4" s="16"/>
    </row>
    <row r="5" spans="1:1" ht="42.75" x14ac:dyDescent="0.25">
      <c r="A5" s="17" t="s">
        <v>88</v>
      </c>
    </row>
    <row r="6" spans="1:1" x14ac:dyDescent="0.25">
      <c r="A6" s="15" t="s">
        <v>89</v>
      </c>
    </row>
    <row r="7" spans="1:1" x14ac:dyDescent="0.25">
      <c r="A7" s="18"/>
    </row>
    <row r="8" spans="1:1" ht="28.5" x14ac:dyDescent="0.25">
      <c r="A8" s="17" t="s">
        <v>90</v>
      </c>
    </row>
    <row r="9" spans="1:1" x14ac:dyDescent="0.25">
      <c r="A9" s="19"/>
    </row>
    <row r="10" spans="1:1" ht="18.75" x14ac:dyDescent="0.25">
      <c r="A10" s="20" t="s">
        <v>91</v>
      </c>
    </row>
    <row r="12" spans="1:1" ht="28.5" x14ac:dyDescent="0.25">
      <c r="A12" s="9" t="s">
        <v>92</v>
      </c>
    </row>
  </sheetData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C164"/>
  <sheetViews>
    <sheetView workbookViewId="0">
      <selection activeCell="G163" sqref="G163"/>
    </sheetView>
  </sheetViews>
  <sheetFormatPr defaultRowHeight="15" x14ac:dyDescent="0.25"/>
  <cols>
    <col min="1" max="1" width="11.7109375" bestFit="1" customWidth="1"/>
    <col min="2" max="2" width="55.7109375" customWidth="1"/>
    <col min="3" max="3" width="15.85546875" bestFit="1" customWidth="1"/>
  </cols>
  <sheetData>
    <row r="1" spans="1:3" x14ac:dyDescent="0.25">
      <c r="A1" t="s">
        <v>0</v>
      </c>
      <c r="B1" t="s">
        <v>1</v>
      </c>
      <c r="C1" t="s">
        <v>2</v>
      </c>
    </row>
    <row r="2" spans="1:3" ht="18" x14ac:dyDescent="0.25">
      <c r="A2" s="1">
        <v>1</v>
      </c>
      <c r="B2" s="2" t="s">
        <v>3</v>
      </c>
    </row>
    <row r="3" spans="1:3" ht="185.25" x14ac:dyDescent="0.25">
      <c r="B3" s="3" t="s">
        <v>4</v>
      </c>
      <c r="C3" s="4" t="s">
        <v>5</v>
      </c>
    </row>
    <row r="4" spans="1:3" ht="28.5" x14ac:dyDescent="0.25">
      <c r="B4" s="3" t="s">
        <v>6</v>
      </c>
      <c r="C4" s="5"/>
    </row>
    <row r="5" spans="1:3" x14ac:dyDescent="0.25">
      <c r="B5" s="3"/>
      <c r="C5" s="5"/>
    </row>
    <row r="6" spans="1:3" ht="18" x14ac:dyDescent="0.25">
      <c r="A6" s="2">
        <v>2</v>
      </c>
      <c r="B6" s="2" t="s">
        <v>7</v>
      </c>
      <c r="C6" s="5"/>
    </row>
    <row r="7" spans="1:3" ht="171" x14ac:dyDescent="0.25">
      <c r="B7" s="6" t="s">
        <v>8</v>
      </c>
      <c r="C7" s="4" t="s">
        <v>5</v>
      </c>
    </row>
    <row r="8" spans="1:3" ht="28.5" x14ac:dyDescent="0.25">
      <c r="B8" s="6" t="s">
        <v>6</v>
      </c>
      <c r="C8" s="5"/>
    </row>
    <row r="9" spans="1:3" x14ac:dyDescent="0.25">
      <c r="B9" s="6"/>
      <c r="C9" s="5"/>
    </row>
    <row r="10" spans="1:3" ht="18" x14ac:dyDescent="0.25">
      <c r="A10" s="2">
        <v>3</v>
      </c>
      <c r="B10" s="2" t="s">
        <v>9</v>
      </c>
      <c r="C10" s="5"/>
    </row>
    <row r="11" spans="1:3" ht="185.25" x14ac:dyDescent="0.25">
      <c r="B11" s="6" t="s">
        <v>10</v>
      </c>
      <c r="C11" s="4" t="s">
        <v>5</v>
      </c>
    </row>
    <row r="12" spans="1:3" ht="28.5" x14ac:dyDescent="0.25">
      <c r="B12" s="6" t="s">
        <v>6</v>
      </c>
      <c r="C12" s="5"/>
    </row>
    <row r="13" spans="1:3" x14ac:dyDescent="0.25">
      <c r="B13" s="6"/>
      <c r="C13" s="5"/>
    </row>
    <row r="14" spans="1:3" ht="18" x14ac:dyDescent="0.25">
      <c r="A14" s="2">
        <v>4</v>
      </c>
      <c r="B14" s="2" t="s">
        <v>11</v>
      </c>
      <c r="C14" s="5"/>
    </row>
    <row r="15" spans="1:3" ht="199.5" x14ac:dyDescent="0.25">
      <c r="B15" s="6" t="s">
        <v>12</v>
      </c>
      <c r="C15" s="4" t="s">
        <v>5</v>
      </c>
    </row>
    <row r="16" spans="1:3" ht="28.5" x14ac:dyDescent="0.25">
      <c r="B16" s="6" t="s">
        <v>6</v>
      </c>
      <c r="C16" s="5"/>
    </row>
    <row r="17" spans="1:3" x14ac:dyDescent="0.25">
      <c r="B17" s="6"/>
      <c r="C17" s="5"/>
    </row>
    <row r="18" spans="1:3" ht="18" x14ac:dyDescent="0.25">
      <c r="A18" s="2">
        <v>5</v>
      </c>
      <c r="B18" s="7" t="s">
        <v>13</v>
      </c>
      <c r="C18" s="5"/>
    </row>
    <row r="19" spans="1:3" ht="199.5" x14ac:dyDescent="0.25">
      <c r="B19" s="6" t="s">
        <v>14</v>
      </c>
      <c r="C19" s="4" t="s">
        <v>5</v>
      </c>
    </row>
    <row r="20" spans="1:3" ht="28.5" x14ac:dyDescent="0.25">
      <c r="B20" s="6" t="s">
        <v>6</v>
      </c>
      <c r="C20" s="5"/>
    </row>
    <row r="21" spans="1:3" x14ac:dyDescent="0.25">
      <c r="B21" s="6"/>
      <c r="C21" s="5"/>
    </row>
    <row r="22" spans="1:3" ht="18" x14ac:dyDescent="0.25">
      <c r="A22" s="2">
        <v>6</v>
      </c>
      <c r="B22" s="7" t="s">
        <v>15</v>
      </c>
      <c r="C22" s="5"/>
    </row>
    <row r="23" spans="1:3" ht="199.5" x14ac:dyDescent="0.25">
      <c r="B23" s="6" t="s">
        <v>16</v>
      </c>
      <c r="C23" s="4" t="s">
        <v>5</v>
      </c>
    </row>
    <row r="24" spans="1:3" ht="28.5" x14ac:dyDescent="0.25">
      <c r="B24" s="6" t="s">
        <v>6</v>
      </c>
      <c r="C24" s="5"/>
    </row>
    <row r="25" spans="1:3" x14ac:dyDescent="0.25">
      <c r="B25" s="6"/>
      <c r="C25" s="5"/>
    </row>
    <row r="26" spans="1:3" ht="18" x14ac:dyDescent="0.25">
      <c r="A26" s="2">
        <v>7</v>
      </c>
      <c r="B26" s="7" t="s">
        <v>17</v>
      </c>
      <c r="C26" s="5"/>
    </row>
    <row r="27" spans="1:3" ht="185.25" x14ac:dyDescent="0.25">
      <c r="B27" s="6" t="s">
        <v>18</v>
      </c>
      <c r="C27" s="4" t="s">
        <v>5</v>
      </c>
    </row>
    <row r="28" spans="1:3" ht="28.5" x14ac:dyDescent="0.25">
      <c r="B28" s="3" t="s">
        <v>6</v>
      </c>
      <c r="C28" s="5"/>
    </row>
    <row r="29" spans="1:3" x14ac:dyDescent="0.25">
      <c r="B29" s="3"/>
      <c r="C29" s="5"/>
    </row>
    <row r="30" spans="1:3" ht="18" x14ac:dyDescent="0.25">
      <c r="A30" s="2">
        <v>8</v>
      </c>
      <c r="B30" s="7" t="s">
        <v>19</v>
      </c>
      <c r="C30" s="5"/>
    </row>
    <row r="31" spans="1:3" ht="185.25" x14ac:dyDescent="0.25">
      <c r="B31" s="3" t="s">
        <v>20</v>
      </c>
      <c r="C31" s="4" t="s">
        <v>5</v>
      </c>
    </row>
    <row r="32" spans="1:3" ht="28.5" x14ac:dyDescent="0.25">
      <c r="B32" s="3" t="s">
        <v>6</v>
      </c>
      <c r="C32" s="5"/>
    </row>
    <row r="33" spans="1:3" x14ac:dyDescent="0.25">
      <c r="B33" s="3"/>
      <c r="C33" s="5"/>
    </row>
    <row r="34" spans="1:3" ht="18" x14ac:dyDescent="0.25">
      <c r="A34" s="2">
        <v>9</v>
      </c>
      <c r="B34" s="7" t="s">
        <v>21</v>
      </c>
      <c r="C34" s="5"/>
    </row>
    <row r="35" spans="1:3" ht="185.25" x14ac:dyDescent="0.25">
      <c r="B35" s="3" t="s">
        <v>22</v>
      </c>
      <c r="C35" s="4" t="s">
        <v>5</v>
      </c>
    </row>
    <row r="36" spans="1:3" ht="28.5" x14ac:dyDescent="0.25">
      <c r="B36" s="3" t="s">
        <v>6</v>
      </c>
      <c r="C36" s="5"/>
    </row>
    <row r="37" spans="1:3" x14ac:dyDescent="0.25">
      <c r="B37" s="3"/>
      <c r="C37" s="5"/>
    </row>
    <row r="38" spans="1:3" ht="18" x14ac:dyDescent="0.25">
      <c r="A38" s="2">
        <v>10</v>
      </c>
      <c r="B38" s="7" t="s">
        <v>23</v>
      </c>
      <c r="C38" s="5"/>
    </row>
    <row r="39" spans="1:3" ht="213.75" x14ac:dyDescent="0.25">
      <c r="B39" s="3" t="s">
        <v>24</v>
      </c>
      <c r="C39" s="4" t="s">
        <v>5</v>
      </c>
    </row>
    <row r="40" spans="1:3" ht="28.5" x14ac:dyDescent="0.25">
      <c r="B40" s="3" t="s">
        <v>6</v>
      </c>
      <c r="C40" s="5"/>
    </row>
    <row r="41" spans="1:3" x14ac:dyDescent="0.25">
      <c r="B41" s="3"/>
      <c r="C41" s="5"/>
    </row>
    <row r="42" spans="1:3" ht="18" x14ac:dyDescent="0.25">
      <c r="A42" s="2">
        <v>11</v>
      </c>
      <c r="B42" s="7" t="s">
        <v>25</v>
      </c>
      <c r="C42" s="5"/>
    </row>
    <row r="43" spans="1:3" ht="199.5" x14ac:dyDescent="0.25">
      <c r="B43" s="3" t="s">
        <v>26</v>
      </c>
      <c r="C43" s="4" t="s">
        <v>5</v>
      </c>
    </row>
    <row r="44" spans="1:3" ht="28.5" x14ac:dyDescent="0.25">
      <c r="B44" s="3" t="s">
        <v>6</v>
      </c>
      <c r="C44" s="5"/>
    </row>
    <row r="45" spans="1:3" x14ac:dyDescent="0.25">
      <c r="B45" s="3"/>
      <c r="C45" s="5"/>
    </row>
    <row r="46" spans="1:3" ht="18" x14ac:dyDescent="0.25">
      <c r="A46" s="2">
        <v>12</v>
      </c>
      <c r="B46" s="7" t="s">
        <v>27</v>
      </c>
      <c r="C46" s="5"/>
    </row>
    <row r="47" spans="1:3" ht="199.5" x14ac:dyDescent="0.25">
      <c r="B47" s="3" t="s">
        <v>28</v>
      </c>
      <c r="C47" s="4" t="s">
        <v>5</v>
      </c>
    </row>
    <row r="48" spans="1:3" ht="28.5" x14ac:dyDescent="0.25">
      <c r="B48" s="3" t="s">
        <v>6</v>
      </c>
      <c r="C48" s="5"/>
    </row>
    <row r="49" spans="1:3" x14ac:dyDescent="0.25">
      <c r="B49" s="3"/>
      <c r="C49" s="5"/>
    </row>
    <row r="50" spans="1:3" ht="18" x14ac:dyDescent="0.25">
      <c r="A50" s="2">
        <v>13</v>
      </c>
      <c r="B50" s="7" t="s">
        <v>29</v>
      </c>
      <c r="C50" s="5"/>
    </row>
    <row r="51" spans="1:3" ht="171" x14ac:dyDescent="0.25">
      <c r="B51" s="3" t="s">
        <v>30</v>
      </c>
      <c r="C51" s="4" t="s">
        <v>5</v>
      </c>
    </row>
    <row r="52" spans="1:3" ht="28.5" x14ac:dyDescent="0.25">
      <c r="B52" s="3" t="s">
        <v>6</v>
      </c>
      <c r="C52" s="5"/>
    </row>
    <row r="53" spans="1:3" x14ac:dyDescent="0.25">
      <c r="B53" s="3"/>
      <c r="C53" s="5"/>
    </row>
    <row r="54" spans="1:3" ht="18" x14ac:dyDescent="0.25">
      <c r="A54" s="2">
        <v>14</v>
      </c>
      <c r="B54" s="7" t="s">
        <v>31</v>
      </c>
      <c r="C54" s="5"/>
    </row>
    <row r="55" spans="1:3" ht="185.25" x14ac:dyDescent="0.25">
      <c r="B55" s="3" t="s">
        <v>32</v>
      </c>
      <c r="C55" s="4" t="s">
        <v>5</v>
      </c>
    </row>
    <row r="56" spans="1:3" ht="28.5" x14ac:dyDescent="0.25">
      <c r="B56" s="3" t="s">
        <v>6</v>
      </c>
      <c r="C56" s="5"/>
    </row>
    <row r="57" spans="1:3" x14ac:dyDescent="0.25">
      <c r="B57" s="3"/>
      <c r="C57" s="5"/>
    </row>
    <row r="58" spans="1:3" ht="18" x14ac:dyDescent="0.25">
      <c r="A58" s="2">
        <v>15</v>
      </c>
      <c r="B58" s="7" t="s">
        <v>33</v>
      </c>
      <c r="C58" s="5"/>
    </row>
    <row r="59" spans="1:3" ht="199.5" x14ac:dyDescent="0.25">
      <c r="B59" s="3" t="s">
        <v>34</v>
      </c>
      <c r="C59" s="4" t="s">
        <v>5</v>
      </c>
    </row>
    <row r="60" spans="1:3" ht="28.5" x14ac:dyDescent="0.25">
      <c r="B60" s="3" t="s">
        <v>6</v>
      </c>
      <c r="C60" s="5"/>
    </row>
    <row r="61" spans="1:3" x14ac:dyDescent="0.25">
      <c r="B61" s="3"/>
      <c r="C61" s="5"/>
    </row>
    <row r="62" spans="1:3" ht="18" x14ac:dyDescent="0.25">
      <c r="A62" s="2">
        <v>16</v>
      </c>
      <c r="B62" s="7" t="s">
        <v>35</v>
      </c>
      <c r="C62" s="5"/>
    </row>
    <row r="63" spans="1:3" ht="185.25" x14ac:dyDescent="0.25">
      <c r="B63" s="3" t="s">
        <v>36</v>
      </c>
      <c r="C63" s="4" t="s">
        <v>5</v>
      </c>
    </row>
    <row r="64" spans="1:3" ht="28.5" x14ac:dyDescent="0.25">
      <c r="B64" s="3" t="s">
        <v>6</v>
      </c>
      <c r="C64" s="5"/>
    </row>
    <row r="65" spans="1:3" x14ac:dyDescent="0.25">
      <c r="B65" s="3"/>
      <c r="C65" s="5"/>
    </row>
    <row r="66" spans="1:3" ht="18" x14ac:dyDescent="0.25">
      <c r="A66" s="2">
        <v>17</v>
      </c>
      <c r="B66" s="7" t="s">
        <v>37</v>
      </c>
      <c r="C66" s="5"/>
    </row>
    <row r="67" spans="1:3" ht="185.25" x14ac:dyDescent="0.25">
      <c r="B67" s="3" t="s">
        <v>38</v>
      </c>
      <c r="C67" s="4" t="s">
        <v>5</v>
      </c>
    </row>
    <row r="68" spans="1:3" ht="28.5" x14ac:dyDescent="0.25">
      <c r="B68" s="3" t="s">
        <v>6</v>
      </c>
      <c r="C68" s="5"/>
    </row>
    <row r="69" spans="1:3" x14ac:dyDescent="0.25">
      <c r="B69" s="3"/>
      <c r="C69" s="5"/>
    </row>
    <row r="70" spans="1:3" ht="18" x14ac:dyDescent="0.25">
      <c r="A70" s="2">
        <v>18</v>
      </c>
      <c r="B70" s="7" t="s">
        <v>39</v>
      </c>
      <c r="C70" s="5"/>
    </row>
    <row r="71" spans="1:3" ht="185.25" x14ac:dyDescent="0.25">
      <c r="B71" s="3" t="s">
        <v>40</v>
      </c>
      <c r="C71" s="4" t="s">
        <v>5</v>
      </c>
    </row>
    <row r="72" spans="1:3" ht="28.5" x14ac:dyDescent="0.25">
      <c r="B72" s="3" t="s">
        <v>6</v>
      </c>
      <c r="C72" s="5"/>
    </row>
    <row r="73" spans="1:3" x14ac:dyDescent="0.25">
      <c r="B73" s="3"/>
      <c r="C73" s="5"/>
    </row>
    <row r="74" spans="1:3" ht="18" x14ac:dyDescent="0.25">
      <c r="A74" s="2">
        <v>19</v>
      </c>
      <c r="B74" s="7" t="s">
        <v>41</v>
      </c>
      <c r="C74" s="5"/>
    </row>
    <row r="75" spans="1:3" ht="199.5" x14ac:dyDescent="0.25">
      <c r="B75" s="3" t="s">
        <v>42</v>
      </c>
      <c r="C75" s="4" t="s">
        <v>5</v>
      </c>
    </row>
    <row r="76" spans="1:3" ht="28.5" x14ac:dyDescent="0.25">
      <c r="B76" s="3" t="s">
        <v>6</v>
      </c>
      <c r="C76" s="5"/>
    </row>
    <row r="77" spans="1:3" x14ac:dyDescent="0.25">
      <c r="B77" s="3"/>
      <c r="C77" s="5"/>
    </row>
    <row r="78" spans="1:3" ht="18" x14ac:dyDescent="0.25">
      <c r="A78" s="2">
        <v>20</v>
      </c>
      <c r="B78" s="7" t="s">
        <v>43</v>
      </c>
      <c r="C78" s="5"/>
    </row>
    <row r="79" spans="1:3" ht="199.5" x14ac:dyDescent="0.25">
      <c r="B79" s="3" t="s">
        <v>44</v>
      </c>
      <c r="C79" s="4" t="s">
        <v>5</v>
      </c>
    </row>
    <row r="80" spans="1:3" ht="28.5" x14ac:dyDescent="0.25">
      <c r="B80" s="3" t="s">
        <v>6</v>
      </c>
      <c r="C80" s="5"/>
    </row>
    <row r="81" spans="1:3" x14ac:dyDescent="0.25">
      <c r="B81" s="3"/>
      <c r="C81" s="5"/>
    </row>
    <row r="82" spans="1:3" ht="18" x14ac:dyDescent="0.25">
      <c r="A82" s="2">
        <v>21</v>
      </c>
      <c r="B82" s="7" t="s">
        <v>45</v>
      </c>
      <c r="C82" s="5"/>
    </row>
    <row r="83" spans="1:3" ht="213.75" x14ac:dyDescent="0.25">
      <c r="B83" s="3" t="s">
        <v>46</v>
      </c>
      <c r="C83" s="4" t="s">
        <v>5</v>
      </c>
    </row>
    <row r="84" spans="1:3" ht="28.5" x14ac:dyDescent="0.25">
      <c r="B84" s="3" t="s">
        <v>6</v>
      </c>
      <c r="C84" s="5"/>
    </row>
    <row r="85" spans="1:3" x14ac:dyDescent="0.25">
      <c r="B85" s="3"/>
      <c r="C85" s="5"/>
    </row>
    <row r="86" spans="1:3" ht="18" x14ac:dyDescent="0.25">
      <c r="A86" s="2">
        <v>22</v>
      </c>
      <c r="B86" s="7" t="s">
        <v>47</v>
      </c>
      <c r="C86" s="5"/>
    </row>
    <row r="87" spans="1:3" ht="228" x14ac:dyDescent="0.25">
      <c r="B87" s="3" t="s">
        <v>48</v>
      </c>
      <c r="C87" s="4" t="s">
        <v>5</v>
      </c>
    </row>
    <row r="88" spans="1:3" ht="28.5" x14ac:dyDescent="0.25">
      <c r="B88" s="3" t="s">
        <v>6</v>
      </c>
      <c r="C88" s="5"/>
    </row>
    <row r="89" spans="1:3" x14ac:dyDescent="0.25">
      <c r="B89" s="3"/>
      <c r="C89" s="5"/>
    </row>
    <row r="90" spans="1:3" ht="18" x14ac:dyDescent="0.25">
      <c r="A90" s="2">
        <v>23</v>
      </c>
      <c r="B90" s="7" t="s">
        <v>49</v>
      </c>
      <c r="C90" s="5"/>
    </row>
    <row r="91" spans="1:3" ht="228" x14ac:dyDescent="0.25">
      <c r="B91" s="3" t="s">
        <v>50</v>
      </c>
      <c r="C91" s="4" t="s">
        <v>5</v>
      </c>
    </row>
    <row r="92" spans="1:3" ht="28.5" x14ac:dyDescent="0.25">
      <c r="B92" s="3" t="s">
        <v>6</v>
      </c>
      <c r="C92" s="5"/>
    </row>
    <row r="93" spans="1:3" x14ac:dyDescent="0.25">
      <c r="B93" s="3"/>
      <c r="C93" s="5"/>
    </row>
    <row r="94" spans="1:3" ht="18" x14ac:dyDescent="0.25">
      <c r="A94" s="2">
        <v>24</v>
      </c>
      <c r="B94" s="7" t="s">
        <v>51</v>
      </c>
      <c r="C94" s="5"/>
    </row>
    <row r="95" spans="1:3" ht="256.5" x14ac:dyDescent="0.25">
      <c r="B95" s="3" t="s">
        <v>52</v>
      </c>
      <c r="C95" s="4" t="s">
        <v>5</v>
      </c>
    </row>
    <row r="96" spans="1:3" ht="28.5" x14ac:dyDescent="0.25">
      <c r="B96" s="3" t="s">
        <v>6</v>
      </c>
      <c r="C96" s="5"/>
    </row>
    <row r="97" spans="1:3" x14ac:dyDescent="0.25">
      <c r="B97" s="3"/>
      <c r="C97" s="5"/>
    </row>
    <row r="98" spans="1:3" ht="18" x14ac:dyDescent="0.25">
      <c r="A98" s="2">
        <v>25</v>
      </c>
      <c r="B98" s="7" t="s">
        <v>53</v>
      </c>
      <c r="C98" s="5"/>
    </row>
    <row r="99" spans="1:3" ht="242.25" x14ac:dyDescent="0.25">
      <c r="B99" s="3" t="s">
        <v>54</v>
      </c>
      <c r="C99" s="4" t="s">
        <v>5</v>
      </c>
    </row>
    <row r="100" spans="1:3" ht="28.5" x14ac:dyDescent="0.25">
      <c r="B100" s="3" t="s">
        <v>6</v>
      </c>
      <c r="C100" s="5"/>
    </row>
    <row r="101" spans="1:3" x14ac:dyDescent="0.25">
      <c r="B101" s="3"/>
      <c r="C101" s="5"/>
    </row>
    <row r="102" spans="1:3" ht="36" x14ac:dyDescent="0.25">
      <c r="A102" s="2">
        <v>26</v>
      </c>
      <c r="B102" s="7" t="s">
        <v>55</v>
      </c>
      <c r="C102" s="5"/>
    </row>
    <row r="103" spans="1:3" ht="256.5" x14ac:dyDescent="0.25">
      <c r="B103" s="3" t="s">
        <v>56</v>
      </c>
      <c r="C103" s="4" t="s">
        <v>5</v>
      </c>
    </row>
    <row r="104" spans="1:3" ht="28.5" x14ac:dyDescent="0.25">
      <c r="B104" s="3" t="s">
        <v>6</v>
      </c>
      <c r="C104" s="5"/>
    </row>
    <row r="105" spans="1:3" x14ac:dyDescent="0.25">
      <c r="B105" s="3"/>
      <c r="C105" s="5"/>
    </row>
    <row r="106" spans="1:3" ht="18" x14ac:dyDescent="0.25">
      <c r="A106" s="2">
        <v>27</v>
      </c>
      <c r="B106" s="7" t="s">
        <v>57</v>
      </c>
      <c r="C106" s="5"/>
    </row>
    <row r="107" spans="1:3" ht="242.25" x14ac:dyDescent="0.25">
      <c r="B107" s="3" t="s">
        <v>58</v>
      </c>
      <c r="C107" s="4" t="s">
        <v>5</v>
      </c>
    </row>
    <row r="108" spans="1:3" ht="28.5" x14ac:dyDescent="0.25">
      <c r="B108" s="3" t="s">
        <v>6</v>
      </c>
      <c r="C108" s="5"/>
    </row>
    <row r="109" spans="1:3" x14ac:dyDescent="0.25">
      <c r="B109" s="3"/>
      <c r="C109" s="5"/>
    </row>
    <row r="110" spans="1:3" ht="18" x14ac:dyDescent="0.25">
      <c r="A110" s="2">
        <v>28</v>
      </c>
      <c r="B110" s="7" t="s">
        <v>59</v>
      </c>
      <c r="C110" s="5"/>
    </row>
    <row r="111" spans="1:3" ht="242.25" x14ac:dyDescent="0.25">
      <c r="B111" s="3" t="s">
        <v>60</v>
      </c>
      <c r="C111" s="4" t="s">
        <v>5</v>
      </c>
    </row>
    <row r="112" spans="1:3" ht="28.5" x14ac:dyDescent="0.25">
      <c r="B112" s="3" t="s">
        <v>6</v>
      </c>
      <c r="C112" s="5"/>
    </row>
    <row r="113" spans="1:3" x14ac:dyDescent="0.25">
      <c r="B113" s="3"/>
      <c r="C113" s="5"/>
    </row>
    <row r="114" spans="1:3" ht="18" x14ac:dyDescent="0.25">
      <c r="A114" s="2">
        <v>29</v>
      </c>
      <c r="B114" s="7" t="s">
        <v>61</v>
      </c>
      <c r="C114" s="5"/>
    </row>
    <row r="115" spans="1:3" ht="270.75" x14ac:dyDescent="0.25">
      <c r="B115" s="3" t="s">
        <v>62</v>
      </c>
      <c r="C115" s="4" t="s">
        <v>5</v>
      </c>
    </row>
    <row r="116" spans="1:3" ht="28.5" x14ac:dyDescent="0.25">
      <c r="B116" s="3" t="s">
        <v>6</v>
      </c>
      <c r="C116" s="5"/>
    </row>
    <row r="117" spans="1:3" x14ac:dyDescent="0.25">
      <c r="B117" s="3"/>
      <c r="C117" s="5"/>
    </row>
    <row r="118" spans="1:3" ht="18" x14ac:dyDescent="0.25">
      <c r="A118" s="2">
        <v>30</v>
      </c>
      <c r="B118" s="7" t="s">
        <v>63</v>
      </c>
      <c r="C118" s="5"/>
    </row>
    <row r="119" spans="1:3" ht="256.5" x14ac:dyDescent="0.25">
      <c r="B119" s="3" t="s">
        <v>64</v>
      </c>
      <c r="C119" s="4" t="s">
        <v>5</v>
      </c>
    </row>
    <row r="120" spans="1:3" ht="28.5" x14ac:dyDescent="0.25">
      <c r="B120" s="3" t="s">
        <v>6</v>
      </c>
      <c r="C120" s="5"/>
    </row>
    <row r="121" spans="1:3" x14ac:dyDescent="0.25">
      <c r="B121" s="3"/>
      <c r="C121" s="5"/>
    </row>
    <row r="122" spans="1:3" ht="18" x14ac:dyDescent="0.35">
      <c r="A122" s="8">
        <v>31</v>
      </c>
      <c r="B122" s="7" t="s">
        <v>65</v>
      </c>
      <c r="C122" s="5"/>
    </row>
    <row r="123" spans="1:3" ht="242.25" x14ac:dyDescent="0.25">
      <c r="B123" s="3" t="s">
        <v>66</v>
      </c>
      <c r="C123" s="4" t="s">
        <v>5</v>
      </c>
    </row>
    <row r="124" spans="1:3" ht="28.5" x14ac:dyDescent="0.25">
      <c r="B124" s="3" t="s">
        <v>6</v>
      </c>
      <c r="C124" s="5"/>
    </row>
    <row r="125" spans="1:3" x14ac:dyDescent="0.25">
      <c r="B125" s="3"/>
      <c r="C125" s="5"/>
    </row>
    <row r="126" spans="1:3" ht="18" x14ac:dyDescent="0.25">
      <c r="A126" s="2">
        <v>32</v>
      </c>
      <c r="B126" s="7" t="s">
        <v>67</v>
      </c>
    </row>
    <row r="127" spans="1:3" ht="256.5" x14ac:dyDescent="0.25">
      <c r="B127" s="6" t="s">
        <v>68</v>
      </c>
      <c r="C127" s="4" t="s">
        <v>5</v>
      </c>
    </row>
    <row r="128" spans="1:3" ht="28.5" x14ac:dyDescent="0.25">
      <c r="B128" s="6" t="s">
        <v>6</v>
      </c>
    </row>
    <row r="130" spans="1:3" ht="18" x14ac:dyDescent="0.25">
      <c r="A130" s="2">
        <v>33</v>
      </c>
      <c r="B130" s="2" t="s">
        <v>69</v>
      </c>
    </row>
    <row r="131" spans="1:3" ht="256.5" x14ac:dyDescent="0.25">
      <c r="B131" s="9" t="s">
        <v>70</v>
      </c>
      <c r="C131" s="4" t="s">
        <v>5</v>
      </c>
    </row>
    <row r="132" spans="1:3" ht="28.5" x14ac:dyDescent="0.25">
      <c r="B132" s="6" t="s">
        <v>6</v>
      </c>
    </row>
    <row r="134" spans="1:3" ht="18" x14ac:dyDescent="0.25">
      <c r="A134" s="10">
        <v>34</v>
      </c>
      <c r="B134" s="11" t="s">
        <v>71</v>
      </c>
    </row>
    <row r="135" spans="1:3" ht="270.75" x14ac:dyDescent="0.25">
      <c r="B135" s="12" t="s">
        <v>72</v>
      </c>
      <c r="C135" s="4" t="s">
        <v>5</v>
      </c>
    </row>
    <row r="136" spans="1:3" ht="28.5" x14ac:dyDescent="0.25">
      <c r="B136" s="9" t="s">
        <v>6</v>
      </c>
    </row>
    <row r="138" spans="1:3" ht="18" x14ac:dyDescent="0.25">
      <c r="A138" s="2">
        <v>35</v>
      </c>
      <c r="B138" s="2" t="s">
        <v>73</v>
      </c>
    </row>
    <row r="139" spans="1:3" ht="242.25" x14ac:dyDescent="0.25">
      <c r="B139" s="6" t="s">
        <v>74</v>
      </c>
      <c r="C139" s="4" t="s">
        <v>5</v>
      </c>
    </row>
    <row r="140" spans="1:3" ht="28.5" x14ac:dyDescent="0.25">
      <c r="B140" s="9" t="s">
        <v>6</v>
      </c>
    </row>
    <row r="142" spans="1:3" ht="18" x14ac:dyDescent="0.25">
      <c r="A142" s="2">
        <v>36</v>
      </c>
      <c r="B142" s="2" t="s">
        <v>75</v>
      </c>
    </row>
    <row r="143" spans="1:3" ht="256.5" x14ac:dyDescent="0.25">
      <c r="B143" s="6" t="s">
        <v>76</v>
      </c>
      <c r="C143" s="4" t="s">
        <v>5</v>
      </c>
    </row>
    <row r="144" spans="1:3" ht="28.5" x14ac:dyDescent="0.25">
      <c r="B144" s="13" t="s">
        <v>6</v>
      </c>
    </row>
    <row r="146" spans="1:3" ht="18" x14ac:dyDescent="0.25">
      <c r="A146" s="2">
        <v>37</v>
      </c>
      <c r="B146" s="2" t="s">
        <v>77</v>
      </c>
    </row>
    <row r="147" spans="1:3" ht="256.5" x14ac:dyDescent="0.25">
      <c r="B147" s="6" t="s">
        <v>78</v>
      </c>
      <c r="C147" s="4" t="s">
        <v>5</v>
      </c>
    </row>
    <row r="148" spans="1:3" ht="28.5" x14ac:dyDescent="0.25">
      <c r="B148" s="13" t="s">
        <v>6</v>
      </c>
    </row>
    <row r="149" spans="1:3" x14ac:dyDescent="0.25">
      <c r="B149" s="13"/>
    </row>
    <row r="150" spans="1:3" ht="18" x14ac:dyDescent="0.25">
      <c r="A150" s="2">
        <v>38</v>
      </c>
      <c r="B150" s="2" t="s">
        <v>79</v>
      </c>
    </row>
    <row r="151" spans="1:3" ht="285" x14ac:dyDescent="0.25">
      <c r="B151" s="12" t="s">
        <v>80</v>
      </c>
      <c r="C151" s="4" t="s">
        <v>5</v>
      </c>
    </row>
    <row r="152" spans="1:3" ht="28.5" x14ac:dyDescent="0.25">
      <c r="B152" s="9" t="s">
        <v>6</v>
      </c>
    </row>
    <row r="154" spans="1:3" ht="18" x14ac:dyDescent="0.25">
      <c r="A154" s="2">
        <v>39</v>
      </c>
      <c r="B154" s="2" t="s">
        <v>81</v>
      </c>
    </row>
    <row r="155" spans="1:3" ht="270.75" x14ac:dyDescent="0.25">
      <c r="B155" s="12" t="s">
        <v>82</v>
      </c>
      <c r="C155" s="4" t="s">
        <v>5</v>
      </c>
    </row>
    <row r="156" spans="1:3" ht="28.5" x14ac:dyDescent="0.25">
      <c r="B156" s="9" t="s">
        <v>6</v>
      </c>
    </row>
    <row r="158" spans="1:3" ht="18" x14ac:dyDescent="0.25">
      <c r="A158" s="2">
        <v>40</v>
      </c>
      <c r="B158" s="2" t="s">
        <v>83</v>
      </c>
    </row>
    <row r="159" spans="1:3" ht="242.25" x14ac:dyDescent="0.25">
      <c r="B159" s="6" t="s">
        <v>84</v>
      </c>
      <c r="C159" s="4" t="s">
        <v>5</v>
      </c>
    </row>
    <row r="160" spans="1:3" ht="28.5" x14ac:dyDescent="0.25">
      <c r="B160" s="9" t="s">
        <v>6</v>
      </c>
    </row>
    <row r="162" spans="1:3" ht="18" x14ac:dyDescent="0.25">
      <c r="A162" s="2">
        <v>41</v>
      </c>
      <c r="B162" s="2" t="s">
        <v>85</v>
      </c>
    </row>
    <row r="163" spans="1:3" ht="285" x14ac:dyDescent="0.25">
      <c r="B163" s="6" t="s">
        <v>86</v>
      </c>
      <c r="C163" s="4" t="s">
        <v>5</v>
      </c>
    </row>
    <row r="164" spans="1:3" ht="28.5" x14ac:dyDescent="0.25">
      <c r="B164" s="9" t="s">
        <v>6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CD96FD2-7B7C-4E67-A138-CA8458020614}">
  <ds:schemaRefs/>
</ds:datastoreItem>
</file>

<file path=customXml/itemProps2.xml><?xml version="1.0" encoding="utf-8"?>
<ds:datastoreItem xmlns:ds="http://schemas.openxmlformats.org/officeDocument/2006/customXml" ds:itemID="{65743304-81BF-4E29-8A77-AC4BCD2A8B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Naslovnica</vt:lpstr>
      <vt:lpstr>Premium krovni prozori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6-03-02T07:00:20Z</dcterms:created>
  <dcterms:modified xsi:type="dcterms:W3CDTF">2026-03-04T13:08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lux</vt:lpwstr>
  </property>
  <property fmtid="{D5CDD505-2E9C-101B-9397-08002B2CF9AE}" pid="3" name="TemplafyTemplateId">
    <vt:lpwstr>1104021679173009413</vt:lpwstr>
  </property>
  <property fmtid="{D5CDD505-2E9C-101B-9397-08002B2CF9AE}" pid="4" name="TemplafyUserProfileId">
    <vt:lpwstr>1238976345832685580</vt:lpwstr>
  </property>
  <property fmtid="{D5CDD505-2E9C-101B-9397-08002B2CF9AE}" pid="5" name="TemplafyLanguageCode">
    <vt:lpwstr>hr-HR</vt:lpwstr>
  </property>
  <property fmtid="{D5CDD505-2E9C-101B-9397-08002B2CF9AE}" pid="6" name="TemplafyFromBlank">
    <vt:bool>true</vt:bool>
  </property>
</Properties>
</file>